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worksheets/sheet46.xml" ContentType="application/vnd.openxmlformats-officedocument.spreadsheetml.worksheet+xml"/>
  <Override PartName="/xl/worksheets/sheet47.xml" ContentType="application/vnd.openxmlformats-officedocument.spreadsheetml.worksheet+xml"/>
  <Override PartName="/xl/worksheets/sheet48.xml" ContentType="application/vnd.openxmlformats-officedocument.spreadsheetml.worksheet+xml"/>
  <Override PartName="/xl/worksheets/sheet49.xml" ContentType="application/vnd.openxmlformats-officedocument.spreadsheetml.worksheet+xml"/>
  <Override PartName="/xl/worksheets/sheet50.xml" ContentType="application/vnd.openxmlformats-officedocument.spreadsheetml.worksheet+xml"/>
  <Override PartName="/xl/worksheets/sheet51.xml" ContentType="application/vnd.openxmlformats-officedocument.spreadsheetml.worksheet+xml"/>
  <Override PartName="/xl/worksheets/sheet52.xml" ContentType="application/vnd.openxmlformats-officedocument.spreadsheetml.worksheet+xml"/>
  <Override PartName="/xl/worksheets/sheet53.xml" ContentType="application/vnd.openxmlformats-officedocument.spreadsheetml.worksheet+xml"/>
  <Override PartName="/xl/worksheets/sheet54.xml" ContentType="application/vnd.openxmlformats-officedocument.spreadsheetml.worksheet+xml"/>
  <Override PartName="/xl/worksheets/sheet55.xml" ContentType="application/vnd.openxmlformats-officedocument.spreadsheetml.worksheet+xml"/>
  <Override PartName="/xl/worksheets/sheet56.xml" ContentType="application/vnd.openxmlformats-officedocument.spreadsheetml.worksheet+xml"/>
  <Override PartName="/xl/worksheets/sheet57.xml" ContentType="application/vnd.openxmlformats-officedocument.spreadsheetml.worksheet+xml"/>
  <Override PartName="/xl/worksheets/sheet58.xml" ContentType="application/vnd.openxmlformats-officedocument.spreadsheetml.worksheet+xml"/>
  <Override PartName="/xl/worksheets/sheet59.xml" ContentType="application/vnd.openxmlformats-officedocument.spreadsheetml.worksheet+xml"/>
  <Override PartName="/xl/worksheets/sheet60.xml" ContentType="application/vnd.openxmlformats-officedocument.spreadsheetml.worksheet+xml"/>
  <Override PartName="/xl/worksheets/sheet61.xml" ContentType="application/vnd.openxmlformats-officedocument.spreadsheetml.worksheet+xml"/>
  <Override PartName="/xl/worksheets/sheet62.xml" ContentType="application/vnd.openxmlformats-officedocument.spreadsheetml.worksheet+xml"/>
  <Override PartName="/xl/worksheets/sheet63.xml" ContentType="application/vnd.openxmlformats-officedocument.spreadsheetml.worksheet+xml"/>
  <Override PartName="/xl/worksheets/sheet6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kfs01\s0217\04_広聴グループ\02_調査広聴\02_県民ニーズ調査\05_県民ニーズ調査_基本調査\05-2_集計結果\03_クロス集計結果\03_10歳刻み\★★(1003～)修正後★★\"/>
    </mc:Choice>
  </mc:AlternateContent>
  <bookViews>
    <workbookView xWindow="12" yWindow="0" windowWidth="19032" windowHeight="10152" tabRatio="943"/>
  </bookViews>
  <sheets>
    <sheet name="問6-(1) （1）" sheetId="1" r:id="rId1"/>
    <sheet name="問6-(1) （2）" sheetId="2" r:id="rId2"/>
    <sheet name="問6-(2) （1）" sheetId="15" r:id="rId3"/>
    <sheet name="問6-(2) （2）" sheetId="16" r:id="rId4"/>
    <sheet name="問6-(3) （1）" sheetId="17" r:id="rId5"/>
    <sheet name="問6-(3) （2）" sheetId="18" r:id="rId6"/>
    <sheet name="問6-(4) （1）" sheetId="19" r:id="rId7"/>
    <sheet name="問6-(4) （2）" sheetId="20" r:id="rId8"/>
    <sheet name="問6-(5) （1）" sheetId="21" r:id="rId9"/>
    <sheet name="問6-(5) （2）" sheetId="22" r:id="rId10"/>
    <sheet name="問6-(6) （1）" sheetId="25" r:id="rId11"/>
    <sheet name="問6-(6) （2）" sheetId="26" r:id="rId12"/>
    <sheet name="問6-(7) （1）" sheetId="27" r:id="rId13"/>
    <sheet name="問6-(7) （2）" sheetId="28" r:id="rId14"/>
    <sheet name="問6-(8) （1）" sheetId="29" r:id="rId15"/>
    <sheet name="問6-(8) （2）" sheetId="30" r:id="rId16"/>
    <sheet name="問6-(9) （1）" sheetId="31" r:id="rId17"/>
    <sheet name="問6-(9) （2）" sheetId="32" r:id="rId18"/>
    <sheet name="問6-(10) （1）" sheetId="33" r:id="rId19"/>
    <sheet name="問6-(10) （2）" sheetId="34" r:id="rId20"/>
    <sheet name="問6-(11) （1）" sheetId="35" r:id="rId21"/>
    <sheet name="問6-(11) （2）" sheetId="36" r:id="rId22"/>
    <sheet name="問6-(12) （1）" sheetId="37" r:id="rId23"/>
    <sheet name="問6-(12) （2）" sheetId="38" r:id="rId24"/>
    <sheet name="問6-(13) （1）" sheetId="39" r:id="rId25"/>
    <sheet name="問6-(13) （2）" sheetId="40" r:id="rId26"/>
    <sheet name="問6-(14) （1）" sheetId="41" r:id="rId27"/>
    <sheet name="問6-(14) （2）" sheetId="42" r:id="rId28"/>
    <sheet name="問6-(15) （1）" sheetId="43" r:id="rId29"/>
    <sheet name="問6-(15) （2）" sheetId="44" r:id="rId30"/>
    <sheet name="問6-(16) （1）" sheetId="45" r:id="rId31"/>
    <sheet name="問6-(16) （2）" sheetId="46" r:id="rId32"/>
    <sheet name="問6-(17) （1）" sheetId="47" r:id="rId33"/>
    <sheet name="問6-(17) （2）" sheetId="48" r:id="rId34"/>
    <sheet name="問6-(18) （1）" sheetId="49" r:id="rId35"/>
    <sheet name="問6-(18) （2）" sheetId="50" r:id="rId36"/>
    <sheet name="問6-(19) （1）" sheetId="51" r:id="rId37"/>
    <sheet name="問6-(19) （2）" sheetId="52" r:id="rId38"/>
    <sheet name="問6-(20) （1）" sheetId="53" r:id="rId39"/>
    <sheet name="問6-(20) （2）" sheetId="54" r:id="rId40"/>
    <sheet name="問6-(21) （1）" sheetId="55" r:id="rId41"/>
    <sheet name="問6-(21) （2）" sheetId="56" r:id="rId42"/>
    <sheet name="問6-(22) （1）" sheetId="57" r:id="rId43"/>
    <sheet name="問6-(22) （2）" sheetId="58" r:id="rId44"/>
    <sheet name="問6-(23) （1）" sheetId="59" r:id="rId45"/>
    <sheet name="問6-(23) （2）" sheetId="60" r:id="rId46"/>
    <sheet name="問6-(24) （1）" sheetId="61" r:id="rId47"/>
    <sheet name="問6-(24) （2）" sheetId="62" r:id="rId48"/>
    <sheet name="問6-(25) （1）" sheetId="63" r:id="rId49"/>
    <sheet name="問6-(25) （2）" sheetId="64" r:id="rId50"/>
    <sheet name="問6-(26) （1）" sheetId="65" r:id="rId51"/>
    <sheet name="問6-(26) （2）" sheetId="66" r:id="rId52"/>
    <sheet name="問6-(27) （1）" sheetId="67" r:id="rId53"/>
    <sheet name="問6-(27) （2）" sheetId="68" r:id="rId54"/>
    <sheet name="問6-(28) （1）" sheetId="69" r:id="rId55"/>
    <sheet name="問6-(28) （2）" sheetId="70" r:id="rId56"/>
    <sheet name="問6-(29) （1）" sheetId="71" r:id="rId57"/>
    <sheet name="問6-(29) （2）" sheetId="72" r:id="rId58"/>
    <sheet name="問6-(30) （1）" sheetId="73" r:id="rId59"/>
    <sheet name="問6-(30) （2）" sheetId="74" r:id="rId60"/>
    <sheet name="問6-(31) （1）" sheetId="75" r:id="rId61"/>
    <sheet name="問6-(31) （2）" sheetId="76" r:id="rId62"/>
    <sheet name="問6-(32) （1）" sheetId="77" r:id="rId63"/>
    <sheet name="問6-(32) （2）" sheetId="78" r:id="rId64"/>
  </sheets>
  <calcPr calcId="145621"/>
</workbook>
</file>

<file path=xl/sharedStrings.xml><?xml version="1.0" encoding="utf-8"?>
<sst xmlns="http://schemas.openxmlformats.org/spreadsheetml/2006/main" count="4722" uniqueCount="185">
  <si>
    <t>　無回答</t>
  </si>
  <si>
    <t>　　　　　　上段：実数_x000D_
　　　　　　下段：％　</t>
    <phoneticPr fontId="2"/>
  </si>
  <si>
    <t>無回答</t>
    <phoneticPr fontId="2"/>
  </si>
  <si>
    <t>販売・サービス職</t>
    <phoneticPr fontId="2"/>
  </si>
  <si>
    <t>技能・労務職</t>
    <phoneticPr fontId="2"/>
  </si>
  <si>
    <t>教育職</t>
    <phoneticPr fontId="2"/>
  </si>
  <si>
    <t>事務職</t>
    <phoneticPr fontId="2"/>
  </si>
  <si>
    <t>専門・技術職</t>
    <phoneticPr fontId="2"/>
  </si>
  <si>
    <t>経営・管理職</t>
    <phoneticPr fontId="2"/>
  </si>
  <si>
    <t>自由業</t>
    <phoneticPr fontId="2"/>
  </si>
  <si>
    <t>商工サービス業</t>
    <phoneticPr fontId="2"/>
  </si>
  <si>
    <t>農林水産業</t>
    <phoneticPr fontId="2"/>
  </si>
  <si>
    <t>　全　　体</t>
    <phoneticPr fontId="2"/>
  </si>
  <si>
    <t>無回答</t>
    <phoneticPr fontId="2"/>
  </si>
  <si>
    <t>その他</t>
    <phoneticPr fontId="2"/>
  </si>
  <si>
    <t>無職</t>
    <phoneticPr fontId="2"/>
  </si>
  <si>
    <t>学生</t>
    <phoneticPr fontId="2"/>
  </si>
  <si>
    <t>内職</t>
    <phoneticPr fontId="2"/>
  </si>
  <si>
    <t>勤め（パートタイム）</t>
    <phoneticPr fontId="2"/>
  </si>
  <si>
    <t>勤め（フルタイム）</t>
    <phoneticPr fontId="2"/>
  </si>
  <si>
    <t>家族従業者（家業手伝い）</t>
    <phoneticPr fontId="2"/>
  </si>
  <si>
    <t>自営業主</t>
    <phoneticPr fontId="2"/>
  </si>
  <si>
    <t>女　性</t>
    <phoneticPr fontId="2"/>
  </si>
  <si>
    <t>男　性</t>
    <phoneticPr fontId="2"/>
  </si>
  <si>
    <t>県　西</t>
    <phoneticPr fontId="2"/>
  </si>
  <si>
    <t>湘　南</t>
    <phoneticPr fontId="2"/>
  </si>
  <si>
    <t>県　央</t>
    <phoneticPr fontId="2"/>
  </si>
  <si>
    <t>横須賀三浦</t>
    <phoneticPr fontId="2"/>
  </si>
  <si>
    <t>相模原</t>
    <phoneticPr fontId="2"/>
  </si>
  <si>
    <t>川　崎</t>
    <phoneticPr fontId="2"/>
  </si>
  <si>
    <t>横　浜</t>
    <phoneticPr fontId="2"/>
  </si>
  <si>
    <t>有職者の職業内容別</t>
  </si>
  <si>
    <t>職業区分別</t>
  </si>
  <si>
    <t>性・年齢別</t>
  </si>
  <si>
    <t>年代別</t>
  </si>
  <si>
    <t>性別</t>
  </si>
  <si>
    <t>居住地域別</t>
  </si>
  <si>
    <t>　　　　　　上段：実数_x000D_
　　　　　　下段：％　</t>
    <phoneticPr fontId="2"/>
  </si>
  <si>
    <t>利用しない</t>
    <phoneticPr fontId="2"/>
  </si>
  <si>
    <t>あまり利用しない</t>
    <phoneticPr fontId="2"/>
  </si>
  <si>
    <t>ときどき利用する</t>
    <phoneticPr fontId="2"/>
  </si>
  <si>
    <t>よく利用する</t>
    <phoneticPr fontId="2"/>
  </si>
  <si>
    <t>子どもはいない</t>
    <phoneticPr fontId="2"/>
  </si>
  <si>
    <t>学校教育終了［既婚］</t>
    <phoneticPr fontId="2"/>
  </si>
  <si>
    <t>学校教育終了［未婚］</t>
    <phoneticPr fontId="2"/>
  </si>
  <si>
    <t>大学、大学院等在学中</t>
    <phoneticPr fontId="2"/>
  </si>
  <si>
    <t>短大、専門学校等在学中</t>
    <phoneticPr fontId="2"/>
  </si>
  <si>
    <t>高校在学中</t>
    <phoneticPr fontId="2"/>
  </si>
  <si>
    <t>中学校在学中</t>
    <phoneticPr fontId="2"/>
  </si>
  <si>
    <t>小学校在学中</t>
    <phoneticPr fontId="2"/>
  </si>
  <si>
    <t>小学校入学前</t>
    <phoneticPr fontId="2"/>
  </si>
  <si>
    <t>いない</t>
    <phoneticPr fontId="2"/>
  </si>
  <si>
    <t>い　る</t>
    <phoneticPr fontId="2"/>
  </si>
  <si>
    <t>インターネットの利用状況別</t>
  </si>
  <si>
    <t>子供の成長段階別</t>
  </si>
  <si>
    <t>高齢者の同居別</t>
  </si>
  <si>
    <t xml:space="preserve">  全  体</t>
  </si>
  <si>
    <t>男性１８～１９歳</t>
  </si>
  <si>
    <t>男性７０～７４歳</t>
  </si>
  <si>
    <t>女性１８～１９歳</t>
  </si>
  <si>
    <t>女性７０～７４歳</t>
  </si>
  <si>
    <t>そう思う</t>
  </si>
  <si>
    <t>そう思わない</t>
  </si>
  <si>
    <t>男性２０歳代</t>
  </si>
  <si>
    <t>男性３０歳代</t>
  </si>
  <si>
    <t>男性４０歳代</t>
  </si>
  <si>
    <t>男性５０歳代</t>
  </si>
  <si>
    <t>男性６０歳代</t>
  </si>
  <si>
    <t>男性７５歳以上</t>
  </si>
  <si>
    <t>女性２０歳代</t>
  </si>
  <si>
    <t>女性３０歳代</t>
  </si>
  <si>
    <t>女性４０歳代</t>
  </si>
  <si>
    <t>女性５０歳代</t>
  </si>
  <si>
    <t>女性６０歳代</t>
  </si>
  <si>
    <t>女性７５歳以上</t>
  </si>
  <si>
    <t>１８～１９歳</t>
    <phoneticPr fontId="2"/>
  </si>
  <si>
    <t>１８～１９歳</t>
    <phoneticPr fontId="2"/>
  </si>
  <si>
    <t>２０歳代</t>
    <phoneticPr fontId="2"/>
  </si>
  <si>
    <t>２０歳代</t>
    <phoneticPr fontId="2"/>
  </si>
  <si>
    <t>３０歳代</t>
    <phoneticPr fontId="2"/>
  </si>
  <si>
    <t>３０歳代</t>
    <phoneticPr fontId="2"/>
  </si>
  <si>
    <t>４０歳代</t>
    <phoneticPr fontId="2"/>
  </si>
  <si>
    <t>４０歳代</t>
    <phoneticPr fontId="2"/>
  </si>
  <si>
    <t>５０歳代</t>
    <phoneticPr fontId="2"/>
  </si>
  <si>
    <t>５０歳代</t>
    <phoneticPr fontId="2"/>
  </si>
  <si>
    <t>６０歳代</t>
    <phoneticPr fontId="2"/>
  </si>
  <si>
    <t>６０歳代</t>
    <phoneticPr fontId="2"/>
  </si>
  <si>
    <t>７０～７４歳</t>
    <phoneticPr fontId="2"/>
  </si>
  <si>
    <t>７０～７４歳</t>
    <phoneticPr fontId="2"/>
  </si>
  <si>
    <t>７５歳以上</t>
    <phoneticPr fontId="2"/>
  </si>
  <si>
    <t>７５歳以上</t>
    <phoneticPr fontId="2"/>
  </si>
  <si>
    <t>　無回答</t>
    <phoneticPr fontId="2"/>
  </si>
  <si>
    <t>　無回答</t>
    <phoneticPr fontId="2"/>
  </si>
  <si>
    <t>１８～１９歳</t>
    <phoneticPr fontId="2"/>
  </si>
  <si>
    <t>２０歳代</t>
    <phoneticPr fontId="2"/>
  </si>
  <si>
    <t>３０歳代</t>
    <phoneticPr fontId="2"/>
  </si>
  <si>
    <t>４０歳代</t>
    <phoneticPr fontId="2"/>
  </si>
  <si>
    <t>５０歳代</t>
    <phoneticPr fontId="2"/>
  </si>
  <si>
    <t>６０歳代</t>
    <phoneticPr fontId="2"/>
  </si>
  <si>
    <t>７０～７４歳</t>
    <phoneticPr fontId="2"/>
  </si>
  <si>
    <t>７５歳以上</t>
    <phoneticPr fontId="2"/>
  </si>
  <si>
    <t>　無回答</t>
    <phoneticPr fontId="2"/>
  </si>
  <si>
    <t>１８～１９歳</t>
    <phoneticPr fontId="2"/>
  </si>
  <si>
    <t>２０歳代</t>
    <phoneticPr fontId="2"/>
  </si>
  <si>
    <t>３０歳代</t>
    <phoneticPr fontId="2"/>
  </si>
  <si>
    <t>４０歳代</t>
    <phoneticPr fontId="2"/>
  </si>
  <si>
    <t>５０歳代</t>
    <phoneticPr fontId="2"/>
  </si>
  <si>
    <t>６０歳代</t>
    <phoneticPr fontId="2"/>
  </si>
  <si>
    <t>７０～７４歳</t>
    <phoneticPr fontId="2"/>
  </si>
  <si>
    <t>７５歳以上</t>
    <phoneticPr fontId="2"/>
  </si>
  <si>
    <t>　無回答</t>
    <phoneticPr fontId="2"/>
  </si>
  <si>
    <t>１８～１９歳</t>
    <phoneticPr fontId="2"/>
  </si>
  <si>
    <t>２０歳代</t>
    <phoneticPr fontId="2"/>
  </si>
  <si>
    <t>３０歳代</t>
    <phoneticPr fontId="2"/>
  </si>
  <si>
    <t>４０歳代</t>
    <phoneticPr fontId="2"/>
  </si>
  <si>
    <t>５０歳代</t>
    <phoneticPr fontId="2"/>
  </si>
  <si>
    <t>６０歳代</t>
    <phoneticPr fontId="2"/>
  </si>
  <si>
    <t>７０～７４歳</t>
    <phoneticPr fontId="2"/>
  </si>
  <si>
    <t>７５歳以上</t>
    <phoneticPr fontId="2"/>
  </si>
  <si>
    <t>　無回答</t>
    <phoneticPr fontId="2"/>
  </si>
  <si>
    <t>１８～１９歳</t>
    <phoneticPr fontId="2"/>
  </si>
  <si>
    <t>２０歳代</t>
    <phoneticPr fontId="2"/>
  </si>
  <si>
    <t>３０歳代</t>
    <phoneticPr fontId="2"/>
  </si>
  <si>
    <t>４０歳代</t>
    <phoneticPr fontId="2"/>
  </si>
  <si>
    <t>５０歳代</t>
    <phoneticPr fontId="2"/>
  </si>
  <si>
    <t>６０歳代</t>
    <phoneticPr fontId="2"/>
  </si>
  <si>
    <t>７０～７４歳</t>
    <phoneticPr fontId="2"/>
  </si>
  <si>
    <t>７５歳以上</t>
    <phoneticPr fontId="2"/>
  </si>
  <si>
    <t>　無回答</t>
    <phoneticPr fontId="2"/>
  </si>
  <si>
    <t>１８～１９歳</t>
    <phoneticPr fontId="2"/>
  </si>
  <si>
    <t>２０歳代</t>
    <phoneticPr fontId="2"/>
  </si>
  <si>
    <t>３０歳代</t>
    <phoneticPr fontId="2"/>
  </si>
  <si>
    <t>４０歳代</t>
    <phoneticPr fontId="2"/>
  </si>
  <si>
    <t>５０歳代</t>
    <phoneticPr fontId="2"/>
  </si>
  <si>
    <t>６０歳代</t>
    <phoneticPr fontId="2"/>
  </si>
  <si>
    <t>７０～７４歳</t>
    <phoneticPr fontId="2"/>
  </si>
  <si>
    <t>７５歳以上</t>
    <phoneticPr fontId="2"/>
  </si>
  <si>
    <t>　無回答</t>
    <phoneticPr fontId="2"/>
  </si>
  <si>
    <t>１８～１９歳</t>
    <phoneticPr fontId="2"/>
  </si>
  <si>
    <t>２０歳代</t>
    <phoneticPr fontId="2"/>
  </si>
  <si>
    <t>３０歳代</t>
    <phoneticPr fontId="2"/>
  </si>
  <si>
    <t>４０歳代</t>
    <phoneticPr fontId="2"/>
  </si>
  <si>
    <t>５０歳代</t>
    <phoneticPr fontId="2"/>
  </si>
  <si>
    <t>６０歳代</t>
    <phoneticPr fontId="2"/>
  </si>
  <si>
    <t>７０～７４歳</t>
    <phoneticPr fontId="2"/>
  </si>
  <si>
    <t>７５歳以上</t>
    <phoneticPr fontId="2"/>
  </si>
  <si>
    <t>　無回答</t>
    <phoneticPr fontId="2"/>
  </si>
  <si>
    <t>２０歳代以下</t>
    <rPh sb="4" eb="6">
      <t>イカ</t>
    </rPh>
    <phoneticPr fontId="2"/>
  </si>
  <si>
    <t>男性２０歳代以下</t>
    <rPh sb="0" eb="2">
      <t>ダンセイ</t>
    </rPh>
    <rPh sb="6" eb="8">
      <t>イカ</t>
    </rPh>
    <phoneticPr fontId="2"/>
  </si>
  <si>
    <t>女性２０歳代以下</t>
    <rPh sb="0" eb="2">
      <t>ジョセイ</t>
    </rPh>
    <rPh sb="6" eb="8">
      <t>イカ</t>
    </rPh>
    <phoneticPr fontId="2"/>
  </si>
  <si>
    <t>無回答</t>
  </si>
  <si>
    <t>主婦・主夫（勤めていない）</t>
  </si>
  <si>
    <t>-</t>
  </si>
  <si>
    <t>問６　(１)今住んでいる地域は、夜、一人歩きをしても安全だ</t>
  </si>
  <si>
    <t>問６　(32)今後10年くらいの間に、道路や公共交通網がさらに充実し、県内外への利便性がよくなっている</t>
  </si>
  <si>
    <t>問６　(31)県内では、交通渋滞が激しく自動車での移動が不便だ</t>
  </si>
  <si>
    <t>問６　(30)まちなみ、歴史的建造物の保全や公園づくりなど、まちづくり関係の活動に参加してみたい</t>
  </si>
  <si>
    <t>問６　(29)神奈川県は、歴史や文化、自然など、地域ごとに特色があり魅力的な県だ</t>
  </si>
  <si>
    <t>問６　(28)県内には、世界に発信できる魅力ある観光資源がある</t>
  </si>
  <si>
    <t>問６　(27)県産木材を使うことにより森林の手入れが進み、身近な森林を守ることにつながるなら、積極的に使いたい</t>
  </si>
  <si>
    <t>問６　(26)今後10年くらいの間に、子どもたちの教育に誰もが関心を持ち、学校・家庭・地域などが連携し県民全体で進めるようになっている</t>
  </si>
  <si>
    <t>問６　(25)今後10年くらいの間に、地域の大人が、青少年の健やかな成長に責任を持つようになっている</t>
  </si>
  <si>
    <t>問６　(24)今後10年くらいの間に、不登校・ひきこもりなどの子ども・若者の支援を行うフリースクールやフリースペース、相談機関などが整っている</t>
  </si>
  <si>
    <t>問６　(23)教員の指導力が向上し、子どもたちが意欲的に学習できる環境となっている</t>
  </si>
  <si>
    <t>問６　(22)青少年をめぐる昨今の問題は、親や地域住民など大人の責任が大きい</t>
  </si>
  <si>
    <t>問６　(21)若者の「ひきこもり」など、青少年が自分自身の価値や存在感を実感しにくい世の中になっている</t>
  </si>
  <si>
    <t>問６　(20)国際化が進む中で、外国のことをもっと深く知りたい</t>
  </si>
  <si>
    <t>問６　(19)育児は社会的にも重要であり、もっと評価されるべきだ</t>
  </si>
  <si>
    <t>問６　(18)子どもを生み育てる環境が今のままでは、子どもを持つのはむずかしい</t>
  </si>
  <si>
    <t>問６　(17)今後10年くらいの間に、外国人にとってもくらしやすい地域社会になっている</t>
  </si>
  <si>
    <t>問６　(16)今後10年くらいの間に、一人ひとりの人権が尊重され、差別がない地域社会になっている</t>
  </si>
  <si>
    <t>問６　(15)いじめや差別は、一人ひとりが思いやりの心を持てばなくせるものだ</t>
  </si>
  <si>
    <t>問６　(14)神奈川県でくらす外国人も日本人と同じような権利を持つべきだ</t>
  </si>
  <si>
    <t>問６　(13)女性が働き続けるには、まだまだ厳しい世の中だ</t>
  </si>
  <si>
    <t>問６　(12)夫は外で働き、妻は家庭を守るべきだ</t>
  </si>
  <si>
    <t>問６　(11)公益活動を行うＮＰＯなどに寄附をしてみたい</t>
  </si>
  <si>
    <t>問６　(10)森林などの水源環境は、県民が特別の負担をしても積極的に守っていくべきだ</t>
  </si>
  <si>
    <t>問６　(９)省エネや公共交通機関の利用など、環境にやさしい生活スタイルを心がけている</t>
  </si>
  <si>
    <t>問６　(８)ゴミを出すにあたって、分別やリサイクルを意識する、できるだけゴミを減らすなど、環境のことを考えた生活を心がけている</t>
  </si>
  <si>
    <t>問６　(７)一週間に３回以上１日30分程度のスポーツを習慣的に行っている</t>
  </si>
  <si>
    <t>問６　(６)鉄道や道路、建物がバリアフリー化され、誰もが安心して移動・利用できる、人にやさしいまちになっている</t>
  </si>
  <si>
    <t>問６　(５)住居の造りや介護サービスの提供が今のような状態の環境では、高齢者が安心して生活するのはむずかしい</t>
  </si>
  <si>
    <t>問６　(４)日ごろから健康に気をつけた規則正しい生活を心がけている</t>
  </si>
  <si>
    <t>問６　(３)安全・安心なまちづくりのための地域活動に参加したい</t>
  </si>
  <si>
    <t>問６　(２)大地震などの災害がおきても３日はくらせるように、防災の準備ができている</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5" x14ac:knownFonts="1">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sz val="9"/>
      <color theme="1"/>
      <name val="ＭＳ 明朝"/>
      <family val="1"/>
      <charset val="128"/>
    </font>
    <font>
      <sz val="10"/>
      <color theme="1"/>
      <name val="Meiryo UI"/>
      <family val="2"/>
      <charset val="128"/>
    </font>
  </fonts>
  <fills count="2">
    <fill>
      <patternFill patternType="none"/>
    </fill>
    <fill>
      <patternFill patternType="gray125"/>
    </fill>
  </fills>
  <borders count="21">
    <border>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thin">
        <color indexed="64"/>
      </left>
      <right style="thin">
        <color indexed="64"/>
      </right>
      <top/>
      <bottom/>
      <diagonal/>
    </border>
    <border>
      <left style="thin">
        <color indexed="64"/>
      </left>
      <right style="hair">
        <color indexed="64"/>
      </right>
      <top/>
      <bottom/>
      <diagonal/>
    </border>
    <border>
      <left style="hair">
        <color indexed="64"/>
      </left>
      <right style="hair">
        <color indexed="64"/>
      </right>
      <top/>
      <bottom/>
      <diagonal/>
    </border>
    <border>
      <left/>
      <right style="thin">
        <color indexed="64"/>
      </right>
      <top/>
      <bottom style="hair">
        <color indexed="64"/>
      </bottom>
      <diagonal/>
    </border>
    <border>
      <left style="thin">
        <color indexed="64"/>
      </left>
      <right style="thin">
        <color indexed="64"/>
      </right>
      <top/>
      <bottom style="hair">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hair">
        <color indexed="64"/>
      </left>
      <right style="thin">
        <color indexed="64"/>
      </right>
      <top/>
      <bottom/>
      <diagonal/>
    </border>
    <border>
      <left style="hair">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right style="thin">
        <color indexed="64"/>
      </right>
      <top style="thin">
        <color indexed="64"/>
      </top>
      <bottom/>
      <diagonal/>
    </border>
    <border>
      <left style="hair">
        <color indexed="64"/>
      </left>
      <right style="thin">
        <color indexed="64"/>
      </right>
      <top style="thin">
        <color indexed="64"/>
      </top>
      <bottom/>
      <diagonal/>
    </border>
    <border>
      <left/>
      <right style="thin">
        <color indexed="64"/>
      </right>
      <top/>
      <bottom style="thin">
        <color indexed="64"/>
      </bottom>
      <diagonal/>
    </border>
  </borders>
  <cellStyleXfs count="6">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0" fontId="1" fillId="0" borderId="0">
      <alignment vertical="center"/>
    </xf>
    <xf numFmtId="0" fontId="1" fillId="0" borderId="0">
      <alignment vertical="center"/>
    </xf>
    <xf numFmtId="0" fontId="4" fillId="0" borderId="0">
      <alignment vertical="center"/>
    </xf>
  </cellStyleXfs>
  <cellXfs count="33">
    <xf numFmtId="0" fontId="0" fillId="0" borderId="0" xfId="0">
      <alignment vertical="center"/>
    </xf>
    <xf numFmtId="0" fontId="3" fillId="0" borderId="0" xfId="0" applyFont="1">
      <alignment vertical="center"/>
    </xf>
    <xf numFmtId="0" fontId="3" fillId="0" borderId="1" xfId="0" applyFont="1" applyBorder="1">
      <alignment vertical="center"/>
    </xf>
    <xf numFmtId="0" fontId="3" fillId="0" borderId="2" xfId="0" applyFont="1" applyBorder="1" applyAlignment="1">
      <alignment horizontal="left" wrapText="1"/>
    </xf>
    <xf numFmtId="0" fontId="3" fillId="0" borderId="2" xfId="0" applyFont="1" applyBorder="1" applyAlignment="1">
      <alignment vertical="top" textRotation="255" wrapText="1"/>
    </xf>
    <xf numFmtId="0" fontId="3" fillId="0" borderId="3" xfId="0" applyFont="1" applyBorder="1" applyAlignment="1">
      <alignment vertical="top" textRotation="255" wrapText="1"/>
    </xf>
    <xf numFmtId="0" fontId="3" fillId="0" borderId="4" xfId="0" applyFont="1" applyBorder="1" applyAlignment="1">
      <alignment vertical="top" textRotation="255" wrapText="1"/>
    </xf>
    <xf numFmtId="0" fontId="3" fillId="0" borderId="8" xfId="0" applyFont="1" applyBorder="1">
      <alignment vertical="center"/>
    </xf>
    <xf numFmtId="0" fontId="3" fillId="0" borderId="14" xfId="0" applyFont="1" applyBorder="1">
      <alignment vertical="center"/>
    </xf>
    <xf numFmtId="0" fontId="3" fillId="0" borderId="18" xfId="0" applyFont="1" applyBorder="1">
      <alignment vertical="center"/>
    </xf>
    <xf numFmtId="0" fontId="3" fillId="0" borderId="20" xfId="0" applyFont="1" applyBorder="1">
      <alignment vertical="center"/>
    </xf>
    <xf numFmtId="38" fontId="3" fillId="0" borderId="2" xfId="1" applyFont="1" applyBorder="1" applyAlignment="1">
      <alignment horizontal="right" vertical="center"/>
    </xf>
    <xf numFmtId="0" fontId="3" fillId="0" borderId="3" xfId="0" applyFont="1" applyBorder="1" applyAlignment="1">
      <alignment horizontal="right" vertical="center"/>
    </xf>
    <xf numFmtId="0" fontId="3" fillId="0" borderId="4" xfId="0" applyFont="1" applyBorder="1" applyAlignment="1">
      <alignment horizontal="right" vertical="center"/>
    </xf>
    <xf numFmtId="0" fontId="3" fillId="0" borderId="19" xfId="0" applyFont="1" applyBorder="1" applyAlignment="1">
      <alignment horizontal="right" vertical="center"/>
    </xf>
    <xf numFmtId="176" fontId="3" fillId="0" borderId="15" xfId="0" applyNumberFormat="1" applyFont="1" applyBorder="1" applyAlignment="1">
      <alignment horizontal="right" vertical="center"/>
    </xf>
    <xf numFmtId="176" fontId="3" fillId="0" borderId="16" xfId="0" applyNumberFormat="1" applyFont="1" applyBorder="1" applyAlignment="1">
      <alignment horizontal="right" vertical="center"/>
    </xf>
    <xf numFmtId="176" fontId="3" fillId="0" borderId="17" xfId="0" applyNumberFormat="1" applyFont="1" applyBorder="1" applyAlignment="1">
      <alignment horizontal="right" vertical="center"/>
    </xf>
    <xf numFmtId="176" fontId="3" fillId="0" borderId="14" xfId="0" applyNumberFormat="1" applyFont="1" applyBorder="1" applyAlignment="1">
      <alignment horizontal="right" vertical="center"/>
    </xf>
    <xf numFmtId="38" fontId="3" fillId="0" borderId="5" xfId="1" applyFont="1" applyBorder="1" applyAlignment="1">
      <alignment horizontal="right" vertical="center"/>
    </xf>
    <xf numFmtId="0" fontId="3" fillId="0" borderId="6" xfId="0" applyFont="1" applyBorder="1" applyAlignment="1">
      <alignment horizontal="right" vertical="center"/>
    </xf>
    <xf numFmtId="0" fontId="3" fillId="0" borderId="7" xfId="0" applyFont="1" applyBorder="1" applyAlignment="1">
      <alignment horizontal="right" vertical="center"/>
    </xf>
    <xf numFmtId="0" fontId="3" fillId="0" borderId="13" xfId="0" applyFont="1" applyBorder="1" applyAlignment="1">
      <alignment horizontal="right" vertical="center"/>
    </xf>
    <xf numFmtId="176" fontId="3" fillId="0" borderId="9" xfId="0" applyNumberFormat="1" applyFont="1" applyBorder="1" applyAlignment="1">
      <alignment horizontal="right" vertical="center"/>
    </xf>
    <xf numFmtId="176" fontId="3" fillId="0" borderId="10" xfId="0" applyNumberFormat="1" applyFont="1" applyBorder="1" applyAlignment="1">
      <alignment horizontal="right" vertical="center"/>
    </xf>
    <xf numFmtId="176" fontId="3" fillId="0" borderId="11" xfId="0" applyNumberFormat="1" applyFont="1" applyBorder="1" applyAlignment="1">
      <alignment horizontal="right" vertical="center"/>
    </xf>
    <xf numFmtId="176" fontId="3" fillId="0" borderId="12" xfId="0" applyNumberFormat="1" applyFont="1" applyBorder="1" applyAlignment="1">
      <alignment horizontal="right" vertical="center"/>
    </xf>
    <xf numFmtId="0" fontId="3" fillId="0" borderId="19" xfId="0" applyFont="1" applyBorder="1" applyAlignment="1">
      <alignment vertical="top" textRotation="255" wrapText="1"/>
    </xf>
    <xf numFmtId="0" fontId="3" fillId="0" borderId="3" xfId="0" applyFont="1" applyBorder="1" applyAlignment="1">
      <alignment vertical="center" textRotation="255"/>
    </xf>
    <xf numFmtId="0" fontId="3" fillId="0" borderId="6" xfId="0" applyFont="1" applyBorder="1" applyAlignment="1">
      <alignment vertical="center" textRotation="255"/>
    </xf>
    <xf numFmtId="0" fontId="3" fillId="0" borderId="16" xfId="0" applyFont="1" applyBorder="1" applyAlignment="1">
      <alignment vertical="center" textRotation="255"/>
    </xf>
    <xf numFmtId="3" fontId="3" fillId="0" borderId="3" xfId="0" applyNumberFormat="1" applyFont="1" applyBorder="1" applyAlignment="1">
      <alignment horizontal="right" vertical="center"/>
    </xf>
    <xf numFmtId="3" fontId="3" fillId="0" borderId="4" xfId="0" applyNumberFormat="1" applyFont="1" applyBorder="1" applyAlignment="1">
      <alignment horizontal="right" vertical="center"/>
    </xf>
  </cellXfs>
  <cellStyles count="6">
    <cellStyle name="桁区切り" xfId="1" builtinId="6"/>
    <cellStyle name="標準" xfId="0" builtinId="0"/>
    <cellStyle name="標準 2" xfId="3"/>
    <cellStyle name="標準 3" xfId="4"/>
    <cellStyle name="標準 4" xfId="5"/>
    <cellStyle name="標準 5"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worksheet" Target="worksheets/sheet26.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worksheet" Target="worksheets/sheet47.xml"/><Relationship Id="rId50" Type="http://schemas.openxmlformats.org/officeDocument/2006/relationships/worksheet" Target="worksheets/sheet50.xml"/><Relationship Id="rId55" Type="http://schemas.openxmlformats.org/officeDocument/2006/relationships/worksheet" Target="worksheets/sheet55.xml"/><Relationship Id="rId63" Type="http://schemas.openxmlformats.org/officeDocument/2006/relationships/worksheet" Target="worksheets/sheet63.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worksheet" Target="worksheets/sheet45.xml"/><Relationship Id="rId53" Type="http://schemas.openxmlformats.org/officeDocument/2006/relationships/worksheet" Target="worksheets/sheet53.xml"/><Relationship Id="rId58" Type="http://schemas.openxmlformats.org/officeDocument/2006/relationships/worksheet" Target="worksheets/sheet58.xml"/><Relationship Id="rId66" Type="http://schemas.openxmlformats.org/officeDocument/2006/relationships/styles" Target="styles.xml"/><Relationship Id="rId5" Type="http://schemas.openxmlformats.org/officeDocument/2006/relationships/worksheet" Target="worksheets/sheet5.xml"/><Relationship Id="rId61" Type="http://schemas.openxmlformats.org/officeDocument/2006/relationships/worksheet" Target="worksheets/sheet61.xml"/><Relationship Id="rId19" Type="http://schemas.openxmlformats.org/officeDocument/2006/relationships/worksheet" Target="worksheets/sheet1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worksheet" Target="worksheets/sheet48.xml"/><Relationship Id="rId56" Type="http://schemas.openxmlformats.org/officeDocument/2006/relationships/worksheet" Target="worksheets/sheet56.xml"/><Relationship Id="rId64" Type="http://schemas.openxmlformats.org/officeDocument/2006/relationships/worksheet" Target="worksheets/sheet64.xml"/><Relationship Id="rId8" Type="http://schemas.openxmlformats.org/officeDocument/2006/relationships/worksheet" Target="worksheets/sheet8.xml"/><Relationship Id="rId51" Type="http://schemas.openxmlformats.org/officeDocument/2006/relationships/worksheet" Target="worksheets/sheet51.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worksheet" Target="worksheets/sheet46.xml"/><Relationship Id="rId59" Type="http://schemas.openxmlformats.org/officeDocument/2006/relationships/worksheet" Target="worksheets/sheet59.xml"/><Relationship Id="rId67" Type="http://schemas.openxmlformats.org/officeDocument/2006/relationships/sharedStrings" Target="sharedStrings.xml"/><Relationship Id="rId20" Type="http://schemas.openxmlformats.org/officeDocument/2006/relationships/worksheet" Target="worksheets/sheet20.xml"/><Relationship Id="rId41" Type="http://schemas.openxmlformats.org/officeDocument/2006/relationships/worksheet" Target="worksheets/sheet41.xml"/><Relationship Id="rId54" Type="http://schemas.openxmlformats.org/officeDocument/2006/relationships/worksheet" Target="worksheets/sheet54.xml"/><Relationship Id="rId62" Type="http://schemas.openxmlformats.org/officeDocument/2006/relationships/worksheet" Target="worksheets/sheet62.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worksheet" Target="worksheets/sheet49.xml"/><Relationship Id="rId57" Type="http://schemas.openxmlformats.org/officeDocument/2006/relationships/worksheet" Target="worksheets/sheet57.xml"/><Relationship Id="rId10" Type="http://schemas.openxmlformats.org/officeDocument/2006/relationships/worksheet" Target="worksheets/sheet10.xml"/><Relationship Id="rId31" Type="http://schemas.openxmlformats.org/officeDocument/2006/relationships/worksheet" Target="worksheets/sheet31.xml"/><Relationship Id="rId44" Type="http://schemas.openxmlformats.org/officeDocument/2006/relationships/worksheet" Target="worksheets/sheet44.xml"/><Relationship Id="rId52" Type="http://schemas.openxmlformats.org/officeDocument/2006/relationships/worksheet" Target="worksheets/sheet52.xml"/><Relationship Id="rId60" Type="http://schemas.openxmlformats.org/officeDocument/2006/relationships/worksheet" Target="worksheets/sheet60.xml"/><Relationship Id="rId65"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3" Type="http://schemas.openxmlformats.org/officeDocument/2006/relationships/worksheet" Target="worksheets/sheet13.xml"/><Relationship Id="rId18" Type="http://schemas.openxmlformats.org/officeDocument/2006/relationships/worksheet" Target="worksheets/sheet18.xml"/><Relationship Id="rId39" Type="http://schemas.openxmlformats.org/officeDocument/2006/relationships/worksheet" Target="worksheets/sheet39.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tabSelected="1" workbookViewId="0">
      <selection activeCell="C1" sqref="C1"/>
    </sheetView>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53</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831</v>
      </c>
      <c r="F4" s="13">
        <v>367</v>
      </c>
      <c r="G4" s="14">
        <v>43</v>
      </c>
    </row>
    <row r="5" spans="2:7" x14ac:dyDescent="0.2">
      <c r="B5" s="29"/>
      <c r="C5" s="8"/>
      <c r="D5" s="15">
        <v>100</v>
      </c>
      <c r="E5" s="16">
        <v>67</v>
      </c>
      <c r="F5" s="17">
        <v>29.6</v>
      </c>
      <c r="G5" s="18">
        <v>3.5</v>
      </c>
    </row>
    <row r="6" spans="2:7" x14ac:dyDescent="0.2">
      <c r="B6" s="29"/>
      <c r="C6" s="2" t="s">
        <v>30</v>
      </c>
      <c r="D6" s="19">
        <v>499</v>
      </c>
      <c r="E6" s="20">
        <v>344</v>
      </c>
      <c r="F6" s="21">
        <v>143</v>
      </c>
      <c r="G6" s="22">
        <v>12</v>
      </c>
    </row>
    <row r="7" spans="2:7" x14ac:dyDescent="0.2">
      <c r="B7" s="29"/>
      <c r="C7" s="7"/>
      <c r="D7" s="23">
        <v>100</v>
      </c>
      <c r="E7" s="24">
        <v>68.900000000000006</v>
      </c>
      <c r="F7" s="25">
        <v>28.7</v>
      </c>
      <c r="G7" s="26">
        <v>2.4</v>
      </c>
    </row>
    <row r="8" spans="2:7" x14ac:dyDescent="0.2">
      <c r="B8" s="29"/>
      <c r="C8" s="2" t="s">
        <v>29</v>
      </c>
      <c r="D8" s="19">
        <v>150</v>
      </c>
      <c r="E8" s="20">
        <v>107</v>
      </c>
      <c r="F8" s="21">
        <v>40</v>
      </c>
      <c r="G8" s="22">
        <v>3</v>
      </c>
    </row>
    <row r="9" spans="2:7" x14ac:dyDescent="0.2">
      <c r="B9" s="29"/>
      <c r="C9" s="7"/>
      <c r="D9" s="23">
        <v>100</v>
      </c>
      <c r="E9" s="24">
        <v>71.3</v>
      </c>
      <c r="F9" s="25">
        <v>26.7</v>
      </c>
      <c r="G9" s="26">
        <v>2</v>
      </c>
    </row>
    <row r="10" spans="2:7" x14ac:dyDescent="0.2">
      <c r="B10" s="29"/>
      <c r="C10" s="2" t="s">
        <v>28</v>
      </c>
      <c r="D10" s="19">
        <v>82</v>
      </c>
      <c r="E10" s="20">
        <v>50</v>
      </c>
      <c r="F10" s="21">
        <v>28</v>
      </c>
      <c r="G10" s="22">
        <v>4</v>
      </c>
    </row>
    <row r="11" spans="2:7" x14ac:dyDescent="0.2">
      <c r="B11" s="29"/>
      <c r="C11" s="7"/>
      <c r="D11" s="23">
        <v>100</v>
      </c>
      <c r="E11" s="24">
        <v>61</v>
      </c>
      <c r="F11" s="25">
        <v>34.1</v>
      </c>
      <c r="G11" s="26">
        <v>4.9000000000000004</v>
      </c>
    </row>
    <row r="12" spans="2:7" x14ac:dyDescent="0.2">
      <c r="B12" s="29"/>
      <c r="C12" s="2" t="s">
        <v>27</v>
      </c>
      <c r="D12" s="19">
        <v>92</v>
      </c>
      <c r="E12" s="20">
        <v>53</v>
      </c>
      <c r="F12" s="21">
        <v>34</v>
      </c>
      <c r="G12" s="22">
        <v>5</v>
      </c>
    </row>
    <row r="13" spans="2:7" x14ac:dyDescent="0.2">
      <c r="B13" s="29"/>
      <c r="C13" s="7"/>
      <c r="D13" s="23">
        <v>100</v>
      </c>
      <c r="E13" s="24">
        <v>57.6</v>
      </c>
      <c r="F13" s="25">
        <v>37</v>
      </c>
      <c r="G13" s="26">
        <v>5.4</v>
      </c>
    </row>
    <row r="14" spans="2:7" x14ac:dyDescent="0.2">
      <c r="B14" s="29"/>
      <c r="C14" s="2" t="s">
        <v>26</v>
      </c>
      <c r="D14" s="19">
        <v>112</v>
      </c>
      <c r="E14" s="20">
        <v>71</v>
      </c>
      <c r="F14" s="21">
        <v>38</v>
      </c>
      <c r="G14" s="22">
        <v>3</v>
      </c>
    </row>
    <row r="15" spans="2:7" x14ac:dyDescent="0.2">
      <c r="B15" s="29"/>
      <c r="C15" s="7"/>
      <c r="D15" s="23">
        <v>100</v>
      </c>
      <c r="E15" s="24">
        <v>63.4</v>
      </c>
      <c r="F15" s="25">
        <v>33.9</v>
      </c>
      <c r="G15" s="26">
        <v>2.7</v>
      </c>
    </row>
    <row r="16" spans="2:7" x14ac:dyDescent="0.2">
      <c r="B16" s="29"/>
      <c r="C16" s="2" t="s">
        <v>25</v>
      </c>
      <c r="D16" s="19">
        <v>188</v>
      </c>
      <c r="E16" s="20">
        <v>127</v>
      </c>
      <c r="F16" s="21">
        <v>56</v>
      </c>
      <c r="G16" s="22">
        <v>5</v>
      </c>
    </row>
    <row r="17" spans="2:7" x14ac:dyDescent="0.2">
      <c r="B17" s="29"/>
      <c r="C17" s="7"/>
      <c r="D17" s="23">
        <v>100</v>
      </c>
      <c r="E17" s="24">
        <v>67.599999999999994</v>
      </c>
      <c r="F17" s="25">
        <v>29.8</v>
      </c>
      <c r="G17" s="26">
        <v>2.7</v>
      </c>
    </row>
    <row r="18" spans="2:7" x14ac:dyDescent="0.2">
      <c r="B18" s="29"/>
      <c r="C18" s="2" t="s">
        <v>24</v>
      </c>
      <c r="D18" s="19">
        <v>60</v>
      </c>
      <c r="E18" s="20">
        <v>44</v>
      </c>
      <c r="F18" s="21">
        <v>14</v>
      </c>
      <c r="G18" s="22">
        <v>2</v>
      </c>
    </row>
    <row r="19" spans="2:7" x14ac:dyDescent="0.2">
      <c r="B19" s="29"/>
      <c r="C19" s="7"/>
      <c r="D19" s="23">
        <v>100</v>
      </c>
      <c r="E19" s="24">
        <v>73.3</v>
      </c>
      <c r="F19" s="25">
        <v>23.3</v>
      </c>
      <c r="G19" s="26">
        <v>3.3</v>
      </c>
    </row>
    <row r="20" spans="2:7" x14ac:dyDescent="0.2">
      <c r="B20" s="29"/>
      <c r="C20" s="2" t="s">
        <v>13</v>
      </c>
      <c r="D20" s="19">
        <v>58</v>
      </c>
      <c r="E20" s="20">
        <v>35</v>
      </c>
      <c r="F20" s="21">
        <v>14</v>
      </c>
      <c r="G20" s="22">
        <v>9</v>
      </c>
    </row>
    <row r="21" spans="2:7" x14ac:dyDescent="0.2">
      <c r="B21" s="30"/>
      <c r="C21" s="10"/>
      <c r="D21" s="15">
        <v>100</v>
      </c>
      <c r="E21" s="16">
        <v>60.3</v>
      </c>
      <c r="F21" s="17">
        <v>24.1</v>
      </c>
      <c r="G21" s="18">
        <v>15.5</v>
      </c>
    </row>
    <row r="22" spans="2:7" x14ac:dyDescent="0.2">
      <c r="B22" s="28" t="s">
        <v>35</v>
      </c>
      <c r="C22" s="9" t="s">
        <v>12</v>
      </c>
      <c r="D22" s="11">
        <v>1241</v>
      </c>
      <c r="E22" s="12">
        <v>831</v>
      </c>
      <c r="F22" s="13">
        <v>367</v>
      </c>
      <c r="G22" s="14">
        <v>43</v>
      </c>
    </row>
    <row r="23" spans="2:7" x14ac:dyDescent="0.2">
      <c r="B23" s="29"/>
      <c r="C23" s="8"/>
      <c r="D23" s="15">
        <v>100</v>
      </c>
      <c r="E23" s="16">
        <v>67</v>
      </c>
      <c r="F23" s="17">
        <v>29.6</v>
      </c>
      <c r="G23" s="18">
        <v>3.5</v>
      </c>
    </row>
    <row r="24" spans="2:7" x14ac:dyDescent="0.2">
      <c r="B24" s="29"/>
      <c r="C24" s="2" t="s">
        <v>23</v>
      </c>
      <c r="D24" s="19">
        <v>563</v>
      </c>
      <c r="E24" s="20">
        <v>428</v>
      </c>
      <c r="F24" s="21">
        <v>123</v>
      </c>
      <c r="G24" s="22">
        <v>12</v>
      </c>
    </row>
    <row r="25" spans="2:7" x14ac:dyDescent="0.2">
      <c r="B25" s="29"/>
      <c r="C25" s="7"/>
      <c r="D25" s="23">
        <v>100</v>
      </c>
      <c r="E25" s="24">
        <v>76</v>
      </c>
      <c r="F25" s="25">
        <v>21.8</v>
      </c>
      <c r="G25" s="26">
        <v>2.1</v>
      </c>
    </row>
    <row r="26" spans="2:7" x14ac:dyDescent="0.2">
      <c r="B26" s="29"/>
      <c r="C26" s="2" t="s">
        <v>22</v>
      </c>
      <c r="D26" s="19">
        <v>607</v>
      </c>
      <c r="E26" s="20">
        <v>361</v>
      </c>
      <c r="F26" s="21">
        <v>224</v>
      </c>
      <c r="G26" s="22">
        <v>22</v>
      </c>
    </row>
    <row r="27" spans="2:7" x14ac:dyDescent="0.2">
      <c r="B27" s="29"/>
      <c r="C27" s="7"/>
      <c r="D27" s="23">
        <v>100</v>
      </c>
      <c r="E27" s="24">
        <v>59.5</v>
      </c>
      <c r="F27" s="25">
        <v>36.9</v>
      </c>
      <c r="G27" s="26">
        <v>3.6</v>
      </c>
    </row>
    <row r="28" spans="2:7" x14ac:dyDescent="0.2">
      <c r="B28" s="29"/>
      <c r="C28" s="2" t="s">
        <v>13</v>
      </c>
      <c r="D28" s="19">
        <v>71</v>
      </c>
      <c r="E28" s="20">
        <v>42</v>
      </c>
      <c r="F28" s="21">
        <v>20</v>
      </c>
      <c r="G28" s="22">
        <v>9</v>
      </c>
    </row>
    <row r="29" spans="2:7" x14ac:dyDescent="0.2">
      <c r="B29" s="30"/>
      <c r="C29" s="10"/>
      <c r="D29" s="15">
        <v>100</v>
      </c>
      <c r="E29" s="16">
        <v>59.2</v>
      </c>
      <c r="F29" s="17">
        <v>28.2</v>
      </c>
      <c r="G29" s="18">
        <v>12.7</v>
      </c>
    </row>
    <row r="30" spans="2:7" x14ac:dyDescent="0.2">
      <c r="B30" s="28" t="s">
        <v>34</v>
      </c>
      <c r="C30" s="9" t="s">
        <v>12</v>
      </c>
      <c r="D30" s="11">
        <v>1241</v>
      </c>
      <c r="E30" s="12">
        <v>831</v>
      </c>
      <c r="F30" s="13">
        <v>367</v>
      </c>
      <c r="G30" s="14">
        <v>43</v>
      </c>
    </row>
    <row r="31" spans="2:7" x14ac:dyDescent="0.2">
      <c r="B31" s="29"/>
      <c r="C31" s="8"/>
      <c r="D31" s="15">
        <v>100</v>
      </c>
      <c r="E31" s="16">
        <v>67</v>
      </c>
      <c r="F31" s="17">
        <v>29.6</v>
      </c>
      <c r="G31" s="18">
        <v>3.5</v>
      </c>
    </row>
    <row r="32" spans="2:7" x14ac:dyDescent="0.2">
      <c r="B32" s="29"/>
      <c r="C32" s="2" t="s">
        <v>76</v>
      </c>
      <c r="D32" s="19">
        <v>3</v>
      </c>
      <c r="E32" s="20">
        <v>3</v>
      </c>
      <c r="F32" s="21" t="s">
        <v>152</v>
      </c>
      <c r="G32" s="22" t="s">
        <v>152</v>
      </c>
    </row>
    <row r="33" spans="2:7" x14ac:dyDescent="0.2">
      <c r="B33" s="29"/>
      <c r="C33" s="7"/>
      <c r="D33" s="23">
        <v>100</v>
      </c>
      <c r="E33" s="24">
        <v>100</v>
      </c>
      <c r="F33" s="25" t="s">
        <v>152</v>
      </c>
      <c r="G33" s="26" t="s">
        <v>152</v>
      </c>
    </row>
    <row r="34" spans="2:7" x14ac:dyDescent="0.2">
      <c r="B34" s="29"/>
      <c r="C34" s="2" t="s">
        <v>78</v>
      </c>
      <c r="D34" s="19">
        <v>51</v>
      </c>
      <c r="E34" s="20">
        <v>34</v>
      </c>
      <c r="F34" s="21">
        <v>17</v>
      </c>
      <c r="G34" s="22" t="s">
        <v>152</v>
      </c>
    </row>
    <row r="35" spans="2:7" x14ac:dyDescent="0.2">
      <c r="B35" s="29"/>
      <c r="C35" s="7"/>
      <c r="D35" s="23">
        <v>100</v>
      </c>
      <c r="E35" s="24">
        <v>66.7</v>
      </c>
      <c r="F35" s="25">
        <v>33.299999999999997</v>
      </c>
      <c r="G35" s="26" t="s">
        <v>152</v>
      </c>
    </row>
    <row r="36" spans="2:7" x14ac:dyDescent="0.2">
      <c r="B36" s="29"/>
      <c r="C36" s="2" t="s">
        <v>147</v>
      </c>
      <c r="D36" s="19">
        <v>54</v>
      </c>
      <c r="E36" s="20">
        <v>37</v>
      </c>
      <c r="F36" s="21">
        <v>17</v>
      </c>
      <c r="G36" s="22" t="s">
        <v>152</v>
      </c>
    </row>
    <row r="37" spans="2:7" x14ac:dyDescent="0.2">
      <c r="B37" s="29"/>
      <c r="C37" s="7"/>
      <c r="D37" s="23">
        <v>100</v>
      </c>
      <c r="E37" s="24">
        <v>68.518518518518519</v>
      </c>
      <c r="F37" s="25">
        <v>31.481481481481481</v>
      </c>
      <c r="G37" s="26" t="s">
        <v>152</v>
      </c>
    </row>
    <row r="38" spans="2:7" x14ac:dyDescent="0.2">
      <c r="B38" s="29"/>
      <c r="C38" s="2" t="s">
        <v>80</v>
      </c>
      <c r="D38" s="19">
        <v>116</v>
      </c>
      <c r="E38" s="20">
        <v>81</v>
      </c>
      <c r="F38" s="21">
        <v>30</v>
      </c>
      <c r="G38" s="22">
        <v>5</v>
      </c>
    </row>
    <row r="39" spans="2:7" x14ac:dyDescent="0.2">
      <c r="B39" s="29"/>
      <c r="C39" s="7"/>
      <c r="D39" s="23">
        <v>100</v>
      </c>
      <c r="E39" s="24">
        <v>69.8</v>
      </c>
      <c r="F39" s="25">
        <v>25.9</v>
      </c>
      <c r="G39" s="26">
        <v>4.3</v>
      </c>
    </row>
    <row r="40" spans="2:7" x14ac:dyDescent="0.2">
      <c r="B40" s="29"/>
      <c r="C40" s="2" t="s">
        <v>82</v>
      </c>
      <c r="D40" s="19">
        <v>200</v>
      </c>
      <c r="E40" s="20">
        <v>119</v>
      </c>
      <c r="F40" s="21">
        <v>78</v>
      </c>
      <c r="G40" s="22">
        <v>3</v>
      </c>
    </row>
    <row r="41" spans="2:7" x14ac:dyDescent="0.2">
      <c r="B41" s="29"/>
      <c r="C41" s="7"/>
      <c r="D41" s="23">
        <v>100</v>
      </c>
      <c r="E41" s="24">
        <v>59.5</v>
      </c>
      <c r="F41" s="25">
        <v>39</v>
      </c>
      <c r="G41" s="26">
        <v>1.5</v>
      </c>
    </row>
    <row r="42" spans="2:7" x14ac:dyDescent="0.2">
      <c r="B42" s="29"/>
      <c r="C42" s="2" t="s">
        <v>84</v>
      </c>
      <c r="D42" s="19">
        <v>289</v>
      </c>
      <c r="E42" s="20">
        <v>192</v>
      </c>
      <c r="F42" s="21">
        <v>90</v>
      </c>
      <c r="G42" s="22">
        <v>7</v>
      </c>
    </row>
    <row r="43" spans="2:7" x14ac:dyDescent="0.2">
      <c r="B43" s="29"/>
      <c r="C43" s="7"/>
      <c r="D43" s="23">
        <v>100</v>
      </c>
      <c r="E43" s="24">
        <v>66.400000000000006</v>
      </c>
      <c r="F43" s="25">
        <v>31.1</v>
      </c>
      <c r="G43" s="26">
        <v>2.4</v>
      </c>
    </row>
    <row r="44" spans="2:7" x14ac:dyDescent="0.2">
      <c r="B44" s="29"/>
      <c r="C44" s="2" t="s">
        <v>86</v>
      </c>
      <c r="D44" s="19">
        <v>247</v>
      </c>
      <c r="E44" s="20">
        <v>180</v>
      </c>
      <c r="F44" s="21">
        <v>63</v>
      </c>
      <c r="G44" s="22">
        <v>4</v>
      </c>
    </row>
    <row r="45" spans="2:7" x14ac:dyDescent="0.2">
      <c r="B45" s="29"/>
      <c r="C45" s="7"/>
      <c r="D45" s="23">
        <v>100</v>
      </c>
      <c r="E45" s="24">
        <v>72.900000000000006</v>
      </c>
      <c r="F45" s="25">
        <v>25.5</v>
      </c>
      <c r="G45" s="26">
        <v>1.6</v>
      </c>
    </row>
    <row r="46" spans="2:7" x14ac:dyDescent="0.2">
      <c r="B46" s="29"/>
      <c r="C46" s="2" t="s">
        <v>88</v>
      </c>
      <c r="D46" s="19">
        <v>125</v>
      </c>
      <c r="E46" s="20">
        <v>80</v>
      </c>
      <c r="F46" s="21">
        <v>39</v>
      </c>
      <c r="G46" s="22">
        <v>6</v>
      </c>
    </row>
    <row r="47" spans="2:7" x14ac:dyDescent="0.2">
      <c r="B47" s="29"/>
      <c r="C47" s="7"/>
      <c r="D47" s="23">
        <v>100</v>
      </c>
      <c r="E47" s="24">
        <v>64</v>
      </c>
      <c r="F47" s="25">
        <v>31.2</v>
      </c>
      <c r="G47" s="26">
        <v>4.8</v>
      </c>
    </row>
    <row r="48" spans="2:7" x14ac:dyDescent="0.2">
      <c r="B48" s="29"/>
      <c r="C48" s="2" t="s">
        <v>90</v>
      </c>
      <c r="D48" s="19">
        <v>150</v>
      </c>
      <c r="E48" s="20">
        <v>107</v>
      </c>
      <c r="F48" s="21">
        <v>34</v>
      </c>
      <c r="G48" s="22">
        <v>9</v>
      </c>
    </row>
    <row r="49" spans="2:7" x14ac:dyDescent="0.2">
      <c r="B49" s="29"/>
      <c r="C49" s="7"/>
      <c r="D49" s="23">
        <v>100</v>
      </c>
      <c r="E49" s="24">
        <v>71.3</v>
      </c>
      <c r="F49" s="25">
        <v>22.7</v>
      </c>
      <c r="G49" s="26">
        <v>6</v>
      </c>
    </row>
    <row r="50" spans="2:7" x14ac:dyDescent="0.2">
      <c r="B50" s="29"/>
      <c r="C50" s="2" t="s">
        <v>92</v>
      </c>
      <c r="D50" s="19">
        <v>60</v>
      </c>
      <c r="E50" s="20">
        <v>35</v>
      </c>
      <c r="F50" s="21">
        <v>16</v>
      </c>
      <c r="G50" s="22">
        <v>9</v>
      </c>
    </row>
    <row r="51" spans="2:7" x14ac:dyDescent="0.2">
      <c r="B51" s="29"/>
      <c r="C51" s="10"/>
      <c r="D51" s="23">
        <v>100</v>
      </c>
      <c r="E51" s="24">
        <v>58.3</v>
      </c>
      <c r="F51" s="25">
        <v>26.7</v>
      </c>
      <c r="G51" s="26">
        <v>15</v>
      </c>
    </row>
    <row r="52" spans="2:7" x14ac:dyDescent="0.2">
      <c r="B52" s="28" t="s">
        <v>33</v>
      </c>
      <c r="C52" s="9" t="s">
        <v>12</v>
      </c>
      <c r="D52" s="11">
        <v>1241</v>
      </c>
      <c r="E52" s="12">
        <v>831</v>
      </c>
      <c r="F52" s="13">
        <v>367</v>
      </c>
      <c r="G52" s="14">
        <v>43</v>
      </c>
    </row>
    <row r="53" spans="2:7" x14ac:dyDescent="0.2">
      <c r="B53" s="29"/>
      <c r="C53" s="8"/>
      <c r="D53" s="15">
        <v>100</v>
      </c>
      <c r="E53" s="16">
        <v>67</v>
      </c>
      <c r="F53" s="17">
        <v>29.6</v>
      </c>
      <c r="G53" s="18">
        <v>3.5</v>
      </c>
    </row>
    <row r="54" spans="2:7" x14ac:dyDescent="0.2">
      <c r="B54" s="29"/>
      <c r="C54" s="2" t="s">
        <v>57</v>
      </c>
      <c r="D54" s="19">
        <v>2</v>
      </c>
      <c r="E54" s="20">
        <v>2</v>
      </c>
      <c r="F54" s="21" t="s">
        <v>152</v>
      </c>
      <c r="G54" s="22" t="s">
        <v>152</v>
      </c>
    </row>
    <row r="55" spans="2:7" x14ac:dyDescent="0.2">
      <c r="B55" s="29"/>
      <c r="C55" s="7"/>
      <c r="D55" s="23">
        <v>100</v>
      </c>
      <c r="E55" s="24">
        <v>100</v>
      </c>
      <c r="F55" s="25" t="s">
        <v>152</v>
      </c>
      <c r="G55" s="26" t="s">
        <v>152</v>
      </c>
    </row>
    <row r="56" spans="2:7" x14ac:dyDescent="0.2">
      <c r="B56" s="29"/>
      <c r="C56" s="2" t="s">
        <v>63</v>
      </c>
      <c r="D56" s="19">
        <v>20</v>
      </c>
      <c r="E56" s="20">
        <v>15</v>
      </c>
      <c r="F56" s="21">
        <v>5</v>
      </c>
      <c r="G56" s="22" t="s">
        <v>152</v>
      </c>
    </row>
    <row r="57" spans="2:7" x14ac:dyDescent="0.2">
      <c r="B57" s="29"/>
      <c r="C57" s="7"/>
      <c r="D57" s="23">
        <v>100</v>
      </c>
      <c r="E57" s="24">
        <v>75</v>
      </c>
      <c r="F57" s="25">
        <v>25</v>
      </c>
      <c r="G57" s="26" t="s">
        <v>152</v>
      </c>
    </row>
    <row r="58" spans="2:7" x14ac:dyDescent="0.2">
      <c r="B58" s="29"/>
      <c r="C58" s="2" t="s">
        <v>148</v>
      </c>
      <c r="D58" s="19">
        <v>22</v>
      </c>
      <c r="E58" s="20">
        <v>17</v>
      </c>
      <c r="F58" s="21">
        <v>5</v>
      </c>
      <c r="G58" s="22" t="s">
        <v>152</v>
      </c>
    </row>
    <row r="59" spans="2:7" x14ac:dyDescent="0.2">
      <c r="B59" s="29"/>
      <c r="C59" s="7"/>
      <c r="D59" s="23">
        <v>100</v>
      </c>
      <c r="E59" s="24">
        <v>77.272727272727266</v>
      </c>
      <c r="F59" s="25">
        <v>22.727272727272727</v>
      </c>
      <c r="G59" s="26" t="s">
        <v>152</v>
      </c>
    </row>
    <row r="60" spans="2:7" x14ac:dyDescent="0.2">
      <c r="B60" s="29"/>
      <c r="C60" s="2" t="s">
        <v>64</v>
      </c>
      <c r="D60" s="19">
        <v>51</v>
      </c>
      <c r="E60" s="20">
        <v>40</v>
      </c>
      <c r="F60" s="21">
        <v>11</v>
      </c>
      <c r="G60" s="22" t="s">
        <v>152</v>
      </c>
    </row>
    <row r="61" spans="2:7" x14ac:dyDescent="0.2">
      <c r="B61" s="29"/>
      <c r="C61" s="7"/>
      <c r="D61" s="23">
        <v>100</v>
      </c>
      <c r="E61" s="24">
        <v>78.400000000000006</v>
      </c>
      <c r="F61" s="25">
        <v>21.6</v>
      </c>
      <c r="G61" s="26" t="s">
        <v>152</v>
      </c>
    </row>
    <row r="62" spans="2:7" x14ac:dyDescent="0.2">
      <c r="B62" s="29"/>
      <c r="C62" s="2" t="s">
        <v>65</v>
      </c>
      <c r="D62" s="19">
        <v>88</v>
      </c>
      <c r="E62" s="20">
        <v>60</v>
      </c>
      <c r="F62" s="21">
        <v>28</v>
      </c>
      <c r="G62" s="22" t="s">
        <v>152</v>
      </c>
    </row>
    <row r="63" spans="2:7" x14ac:dyDescent="0.2">
      <c r="B63" s="29"/>
      <c r="C63" s="7"/>
      <c r="D63" s="23">
        <v>100</v>
      </c>
      <c r="E63" s="24">
        <v>68.2</v>
      </c>
      <c r="F63" s="25">
        <v>31.8</v>
      </c>
      <c r="G63" s="26" t="s">
        <v>152</v>
      </c>
    </row>
    <row r="64" spans="2:7" x14ac:dyDescent="0.2">
      <c r="B64" s="29"/>
      <c r="C64" s="2" t="s">
        <v>66</v>
      </c>
      <c r="D64" s="19">
        <v>146</v>
      </c>
      <c r="E64" s="20">
        <v>107</v>
      </c>
      <c r="F64" s="21">
        <v>35</v>
      </c>
      <c r="G64" s="22">
        <v>4</v>
      </c>
    </row>
    <row r="65" spans="2:7" x14ac:dyDescent="0.2">
      <c r="B65" s="29"/>
      <c r="C65" s="7"/>
      <c r="D65" s="23">
        <v>100</v>
      </c>
      <c r="E65" s="24">
        <v>73.3</v>
      </c>
      <c r="F65" s="25">
        <v>24</v>
      </c>
      <c r="G65" s="26">
        <v>2.7</v>
      </c>
    </row>
    <row r="66" spans="2:7" x14ac:dyDescent="0.2">
      <c r="B66" s="29"/>
      <c r="C66" s="2" t="s">
        <v>67</v>
      </c>
      <c r="D66" s="19">
        <v>133</v>
      </c>
      <c r="E66" s="20">
        <v>108</v>
      </c>
      <c r="F66" s="21">
        <v>22</v>
      </c>
      <c r="G66" s="22">
        <v>3</v>
      </c>
    </row>
    <row r="67" spans="2:7" x14ac:dyDescent="0.2">
      <c r="B67" s="29"/>
      <c r="C67" s="7"/>
      <c r="D67" s="23">
        <v>100</v>
      </c>
      <c r="E67" s="24">
        <v>81.2</v>
      </c>
      <c r="F67" s="25">
        <v>16.5</v>
      </c>
      <c r="G67" s="26">
        <v>2.2999999999999998</v>
      </c>
    </row>
    <row r="68" spans="2:7" x14ac:dyDescent="0.2">
      <c r="B68" s="29"/>
      <c r="C68" s="2" t="s">
        <v>58</v>
      </c>
      <c r="D68" s="19">
        <v>57</v>
      </c>
      <c r="E68" s="20">
        <v>40</v>
      </c>
      <c r="F68" s="21">
        <v>14</v>
      </c>
      <c r="G68" s="22">
        <v>3</v>
      </c>
    </row>
    <row r="69" spans="2:7" x14ac:dyDescent="0.2">
      <c r="B69" s="29"/>
      <c r="C69" s="7"/>
      <c r="D69" s="23">
        <v>100</v>
      </c>
      <c r="E69" s="24">
        <v>70.2</v>
      </c>
      <c r="F69" s="25">
        <v>24.6</v>
      </c>
      <c r="G69" s="26">
        <v>5.3</v>
      </c>
    </row>
    <row r="70" spans="2:7" x14ac:dyDescent="0.2">
      <c r="B70" s="29"/>
      <c r="C70" s="2" t="s">
        <v>68</v>
      </c>
      <c r="D70" s="19">
        <v>65</v>
      </c>
      <c r="E70" s="20">
        <v>55</v>
      </c>
      <c r="F70" s="21">
        <v>8</v>
      </c>
      <c r="G70" s="22">
        <v>2</v>
      </c>
    </row>
    <row r="71" spans="2:7" x14ac:dyDescent="0.2">
      <c r="B71" s="29"/>
      <c r="C71" s="7"/>
      <c r="D71" s="23">
        <v>100</v>
      </c>
      <c r="E71" s="24">
        <v>84.6</v>
      </c>
      <c r="F71" s="25">
        <v>12.3</v>
      </c>
      <c r="G71" s="26">
        <v>3.1</v>
      </c>
    </row>
    <row r="72" spans="2:7" x14ac:dyDescent="0.2">
      <c r="B72" s="29"/>
      <c r="C72" s="2" t="s">
        <v>59</v>
      </c>
      <c r="D72" s="19">
        <v>1</v>
      </c>
      <c r="E72" s="20">
        <v>1</v>
      </c>
      <c r="F72" s="21" t="s">
        <v>152</v>
      </c>
      <c r="G72" s="22" t="s">
        <v>152</v>
      </c>
    </row>
    <row r="73" spans="2:7" x14ac:dyDescent="0.2">
      <c r="B73" s="29"/>
      <c r="C73" s="7"/>
      <c r="D73" s="23">
        <v>100</v>
      </c>
      <c r="E73" s="24">
        <v>100</v>
      </c>
      <c r="F73" s="25" t="s">
        <v>152</v>
      </c>
      <c r="G73" s="26" t="s">
        <v>152</v>
      </c>
    </row>
    <row r="74" spans="2:7" x14ac:dyDescent="0.2">
      <c r="B74" s="29"/>
      <c r="C74" s="2" t="s">
        <v>69</v>
      </c>
      <c r="D74" s="19">
        <v>29</v>
      </c>
      <c r="E74" s="20">
        <v>18</v>
      </c>
      <c r="F74" s="21">
        <v>11</v>
      </c>
      <c r="G74" s="22" t="s">
        <v>152</v>
      </c>
    </row>
    <row r="75" spans="2:7" x14ac:dyDescent="0.2">
      <c r="B75" s="29"/>
      <c r="C75" s="7"/>
      <c r="D75" s="23">
        <v>100</v>
      </c>
      <c r="E75" s="24">
        <v>62.1</v>
      </c>
      <c r="F75" s="25">
        <v>37.9</v>
      </c>
      <c r="G75" s="26" t="s">
        <v>152</v>
      </c>
    </row>
    <row r="76" spans="2:7" x14ac:dyDescent="0.2">
      <c r="B76" s="29"/>
      <c r="C76" s="2" t="s">
        <v>149</v>
      </c>
      <c r="D76" s="19">
        <v>30</v>
      </c>
      <c r="E76" s="20">
        <v>19</v>
      </c>
      <c r="F76" s="21">
        <v>11</v>
      </c>
      <c r="G76" s="22" t="s">
        <v>152</v>
      </c>
    </row>
    <row r="77" spans="2:7" x14ac:dyDescent="0.2">
      <c r="B77" s="29"/>
      <c r="C77" s="7"/>
      <c r="D77" s="23">
        <v>100</v>
      </c>
      <c r="E77" s="24">
        <v>63.333333333333329</v>
      </c>
      <c r="F77" s="25">
        <v>36.666666666666664</v>
      </c>
      <c r="G77" s="26" t="s">
        <v>152</v>
      </c>
    </row>
    <row r="78" spans="2:7" x14ac:dyDescent="0.2">
      <c r="B78" s="29"/>
      <c r="C78" s="2" t="s">
        <v>70</v>
      </c>
      <c r="D78" s="19">
        <v>64</v>
      </c>
      <c r="E78" s="20">
        <v>40</v>
      </c>
      <c r="F78" s="21">
        <v>19</v>
      </c>
      <c r="G78" s="22">
        <v>5</v>
      </c>
    </row>
    <row r="79" spans="2:7" x14ac:dyDescent="0.2">
      <c r="B79" s="29"/>
      <c r="C79" s="7"/>
      <c r="D79" s="23">
        <v>100</v>
      </c>
      <c r="E79" s="24">
        <v>62.5</v>
      </c>
      <c r="F79" s="25">
        <v>29.7</v>
      </c>
      <c r="G79" s="26">
        <v>7.8</v>
      </c>
    </row>
    <row r="80" spans="2:7" x14ac:dyDescent="0.2">
      <c r="B80" s="29"/>
      <c r="C80" s="2" t="s">
        <v>71</v>
      </c>
      <c r="D80" s="19">
        <v>112</v>
      </c>
      <c r="E80" s="20">
        <v>59</v>
      </c>
      <c r="F80" s="21">
        <v>50</v>
      </c>
      <c r="G80" s="22">
        <v>3</v>
      </c>
    </row>
    <row r="81" spans="2:7" x14ac:dyDescent="0.2">
      <c r="B81" s="29"/>
      <c r="C81" s="7"/>
      <c r="D81" s="23">
        <v>100</v>
      </c>
      <c r="E81" s="24">
        <v>52.7</v>
      </c>
      <c r="F81" s="25">
        <v>44.6</v>
      </c>
      <c r="G81" s="26">
        <v>2.7</v>
      </c>
    </row>
    <row r="82" spans="2:7" x14ac:dyDescent="0.2">
      <c r="B82" s="29"/>
      <c r="C82" s="2" t="s">
        <v>72</v>
      </c>
      <c r="D82" s="19">
        <v>137</v>
      </c>
      <c r="E82" s="20">
        <v>82</v>
      </c>
      <c r="F82" s="21">
        <v>52</v>
      </c>
      <c r="G82" s="22">
        <v>3</v>
      </c>
    </row>
    <row r="83" spans="2:7" x14ac:dyDescent="0.2">
      <c r="B83" s="29"/>
      <c r="C83" s="7"/>
      <c r="D83" s="23">
        <v>100</v>
      </c>
      <c r="E83" s="24">
        <v>59.9</v>
      </c>
      <c r="F83" s="25">
        <v>38</v>
      </c>
      <c r="G83" s="26">
        <v>2.2000000000000002</v>
      </c>
    </row>
    <row r="84" spans="2:7" x14ac:dyDescent="0.2">
      <c r="B84" s="29"/>
      <c r="C84" s="2" t="s">
        <v>73</v>
      </c>
      <c r="D84" s="19">
        <v>112</v>
      </c>
      <c r="E84" s="20">
        <v>71</v>
      </c>
      <c r="F84" s="21">
        <v>40</v>
      </c>
      <c r="G84" s="22">
        <v>1</v>
      </c>
    </row>
    <row r="85" spans="2:7" x14ac:dyDescent="0.2">
      <c r="B85" s="29"/>
      <c r="C85" s="7"/>
      <c r="D85" s="23">
        <v>100</v>
      </c>
      <c r="E85" s="24">
        <v>63.4</v>
      </c>
      <c r="F85" s="25">
        <v>35.700000000000003</v>
      </c>
      <c r="G85" s="26">
        <v>0.9</v>
      </c>
    </row>
    <row r="86" spans="2:7" x14ac:dyDescent="0.2">
      <c r="B86" s="29"/>
      <c r="C86" s="2" t="s">
        <v>60</v>
      </c>
      <c r="D86" s="19">
        <v>66</v>
      </c>
      <c r="E86" s="20">
        <v>39</v>
      </c>
      <c r="F86" s="21">
        <v>24</v>
      </c>
      <c r="G86" s="22">
        <v>3</v>
      </c>
    </row>
    <row r="87" spans="2:7" x14ac:dyDescent="0.2">
      <c r="B87" s="29"/>
      <c r="C87" s="7"/>
      <c r="D87" s="23">
        <v>100</v>
      </c>
      <c r="E87" s="24">
        <v>59.1</v>
      </c>
      <c r="F87" s="25">
        <v>36.4</v>
      </c>
      <c r="G87" s="26">
        <v>4.5</v>
      </c>
    </row>
    <row r="88" spans="2:7" x14ac:dyDescent="0.2">
      <c r="B88" s="29"/>
      <c r="C88" s="2" t="s">
        <v>74</v>
      </c>
      <c r="D88" s="19">
        <v>83</v>
      </c>
      <c r="E88" s="20">
        <v>50</v>
      </c>
      <c r="F88" s="21">
        <v>26</v>
      </c>
      <c r="G88" s="22">
        <v>7</v>
      </c>
    </row>
    <row r="89" spans="2:7" x14ac:dyDescent="0.2">
      <c r="B89" s="29"/>
      <c r="C89" s="7"/>
      <c r="D89" s="23">
        <v>100</v>
      </c>
      <c r="E89" s="24">
        <v>60.2</v>
      </c>
      <c r="F89" s="25">
        <v>31.3</v>
      </c>
      <c r="G89" s="26">
        <v>8.4</v>
      </c>
    </row>
    <row r="90" spans="2:7" x14ac:dyDescent="0.2">
      <c r="B90" s="29"/>
      <c r="C90" s="2" t="s">
        <v>0</v>
      </c>
      <c r="D90" s="19">
        <v>75</v>
      </c>
      <c r="E90" s="20">
        <v>44</v>
      </c>
      <c r="F90" s="21">
        <v>22</v>
      </c>
      <c r="G90" s="22">
        <v>9</v>
      </c>
    </row>
    <row r="91" spans="2:7" x14ac:dyDescent="0.2">
      <c r="B91" s="29"/>
      <c r="C91" s="7"/>
      <c r="D91" s="23">
        <v>100</v>
      </c>
      <c r="E91" s="24">
        <v>58.7</v>
      </c>
      <c r="F91" s="25">
        <v>29.3</v>
      </c>
      <c r="G91" s="26">
        <v>12</v>
      </c>
    </row>
    <row r="92" spans="2:7" x14ac:dyDescent="0.2">
      <c r="B92" s="28" t="s">
        <v>32</v>
      </c>
      <c r="C92" s="9" t="s">
        <v>12</v>
      </c>
      <c r="D92" s="11">
        <v>1241</v>
      </c>
      <c r="E92" s="12">
        <v>831</v>
      </c>
      <c r="F92" s="13">
        <v>367</v>
      </c>
      <c r="G92" s="14">
        <v>43</v>
      </c>
    </row>
    <row r="93" spans="2:7" x14ac:dyDescent="0.2">
      <c r="B93" s="29"/>
      <c r="C93" s="8"/>
      <c r="D93" s="15">
        <v>100</v>
      </c>
      <c r="E93" s="16">
        <v>67</v>
      </c>
      <c r="F93" s="17">
        <v>29.6</v>
      </c>
      <c r="G93" s="18">
        <v>3.5</v>
      </c>
    </row>
    <row r="94" spans="2:7" x14ac:dyDescent="0.2">
      <c r="B94" s="29"/>
      <c r="C94" s="2" t="s">
        <v>21</v>
      </c>
      <c r="D94" s="19">
        <v>65</v>
      </c>
      <c r="E94" s="20">
        <v>46</v>
      </c>
      <c r="F94" s="21">
        <v>15</v>
      </c>
      <c r="G94" s="22">
        <v>4</v>
      </c>
    </row>
    <row r="95" spans="2:7" x14ac:dyDescent="0.2">
      <c r="B95" s="29"/>
      <c r="C95" s="7"/>
      <c r="D95" s="23">
        <v>100</v>
      </c>
      <c r="E95" s="24">
        <v>70.8</v>
      </c>
      <c r="F95" s="25">
        <v>23.1</v>
      </c>
      <c r="G95" s="26">
        <v>6.2</v>
      </c>
    </row>
    <row r="96" spans="2:7" x14ac:dyDescent="0.2">
      <c r="B96" s="29"/>
      <c r="C96" s="2" t="s">
        <v>20</v>
      </c>
      <c r="D96" s="19">
        <v>7</v>
      </c>
      <c r="E96" s="20">
        <v>5</v>
      </c>
      <c r="F96" s="21">
        <v>2</v>
      </c>
      <c r="G96" s="22" t="s">
        <v>152</v>
      </c>
    </row>
    <row r="97" spans="2:7" x14ac:dyDescent="0.2">
      <c r="B97" s="29"/>
      <c r="C97" s="7"/>
      <c r="D97" s="23">
        <v>100</v>
      </c>
      <c r="E97" s="24">
        <v>71.400000000000006</v>
      </c>
      <c r="F97" s="25">
        <v>28.6</v>
      </c>
      <c r="G97" s="26" t="s">
        <v>152</v>
      </c>
    </row>
    <row r="98" spans="2:7" x14ac:dyDescent="0.2">
      <c r="B98" s="29"/>
      <c r="C98" s="2" t="s">
        <v>19</v>
      </c>
      <c r="D98" s="19">
        <v>484</v>
      </c>
      <c r="E98" s="20">
        <v>346</v>
      </c>
      <c r="F98" s="21">
        <v>130</v>
      </c>
      <c r="G98" s="22">
        <v>8</v>
      </c>
    </row>
    <row r="99" spans="2:7" x14ac:dyDescent="0.2">
      <c r="B99" s="29"/>
      <c r="C99" s="7"/>
      <c r="D99" s="23">
        <v>100</v>
      </c>
      <c r="E99" s="24">
        <v>71.5</v>
      </c>
      <c r="F99" s="25">
        <v>26.9</v>
      </c>
      <c r="G99" s="26">
        <v>1.7</v>
      </c>
    </row>
    <row r="100" spans="2:7" x14ac:dyDescent="0.2">
      <c r="B100" s="29"/>
      <c r="C100" s="2" t="s">
        <v>18</v>
      </c>
      <c r="D100" s="19">
        <v>195</v>
      </c>
      <c r="E100" s="20">
        <v>119</v>
      </c>
      <c r="F100" s="21">
        <v>69</v>
      </c>
      <c r="G100" s="22">
        <v>7</v>
      </c>
    </row>
    <row r="101" spans="2:7" x14ac:dyDescent="0.2">
      <c r="B101" s="29"/>
      <c r="C101" s="7"/>
      <c r="D101" s="23">
        <v>100</v>
      </c>
      <c r="E101" s="24">
        <v>61</v>
      </c>
      <c r="F101" s="25">
        <v>35.4</v>
      </c>
      <c r="G101" s="26">
        <v>3.6</v>
      </c>
    </row>
    <row r="102" spans="2:7" x14ac:dyDescent="0.2">
      <c r="B102" s="29"/>
      <c r="C102" s="2" t="s">
        <v>17</v>
      </c>
      <c r="D102" s="19">
        <v>1</v>
      </c>
      <c r="E102" s="20" t="s">
        <v>152</v>
      </c>
      <c r="F102" s="21">
        <v>1</v>
      </c>
      <c r="G102" s="22" t="s">
        <v>152</v>
      </c>
    </row>
    <row r="103" spans="2:7" x14ac:dyDescent="0.2">
      <c r="B103" s="29"/>
      <c r="C103" s="7"/>
      <c r="D103" s="23">
        <v>100</v>
      </c>
      <c r="E103" s="24" t="s">
        <v>152</v>
      </c>
      <c r="F103" s="25">
        <v>100</v>
      </c>
      <c r="G103" s="26" t="s">
        <v>152</v>
      </c>
    </row>
    <row r="104" spans="2:7" x14ac:dyDescent="0.2">
      <c r="B104" s="29"/>
      <c r="C104" s="2" t="s">
        <v>151</v>
      </c>
      <c r="D104" s="19">
        <v>178</v>
      </c>
      <c r="E104" s="20">
        <v>114</v>
      </c>
      <c r="F104" s="21">
        <v>59</v>
      </c>
      <c r="G104" s="22">
        <v>5</v>
      </c>
    </row>
    <row r="105" spans="2:7" x14ac:dyDescent="0.2">
      <c r="B105" s="29"/>
      <c r="C105" s="7"/>
      <c r="D105" s="23">
        <v>100</v>
      </c>
      <c r="E105" s="24">
        <v>64</v>
      </c>
      <c r="F105" s="25">
        <v>33.1</v>
      </c>
      <c r="G105" s="26">
        <v>2.8</v>
      </c>
    </row>
    <row r="106" spans="2:7" x14ac:dyDescent="0.2">
      <c r="B106" s="29"/>
      <c r="C106" s="2" t="s">
        <v>16</v>
      </c>
      <c r="D106" s="19">
        <v>10</v>
      </c>
      <c r="E106" s="20">
        <v>7</v>
      </c>
      <c r="F106" s="21">
        <v>3</v>
      </c>
      <c r="G106" s="22" t="s">
        <v>152</v>
      </c>
    </row>
    <row r="107" spans="2:7" x14ac:dyDescent="0.2">
      <c r="B107" s="29"/>
      <c r="C107" s="7"/>
      <c r="D107" s="23">
        <v>100</v>
      </c>
      <c r="E107" s="24">
        <v>70</v>
      </c>
      <c r="F107" s="25">
        <v>30</v>
      </c>
      <c r="G107" s="26" t="s">
        <v>152</v>
      </c>
    </row>
    <row r="108" spans="2:7" x14ac:dyDescent="0.2">
      <c r="B108" s="29"/>
      <c r="C108" s="2" t="s">
        <v>15</v>
      </c>
      <c r="D108" s="19">
        <v>211</v>
      </c>
      <c r="E108" s="20">
        <v>141</v>
      </c>
      <c r="F108" s="21">
        <v>60</v>
      </c>
      <c r="G108" s="22">
        <v>10</v>
      </c>
    </row>
    <row r="109" spans="2:7" x14ac:dyDescent="0.2">
      <c r="B109" s="29"/>
      <c r="C109" s="7"/>
      <c r="D109" s="23">
        <v>100</v>
      </c>
      <c r="E109" s="24">
        <v>66.8</v>
      </c>
      <c r="F109" s="25">
        <v>28.4</v>
      </c>
      <c r="G109" s="26">
        <v>4.7</v>
      </c>
    </row>
    <row r="110" spans="2:7" x14ac:dyDescent="0.2">
      <c r="B110" s="29"/>
      <c r="C110" s="2" t="s">
        <v>14</v>
      </c>
      <c r="D110" s="19">
        <v>12</v>
      </c>
      <c r="E110" s="20">
        <v>6</v>
      </c>
      <c r="F110" s="21">
        <v>6</v>
      </c>
      <c r="G110" s="22" t="s">
        <v>152</v>
      </c>
    </row>
    <row r="111" spans="2:7" x14ac:dyDescent="0.2">
      <c r="B111" s="29"/>
      <c r="C111" s="7"/>
      <c r="D111" s="23">
        <v>100</v>
      </c>
      <c r="E111" s="24">
        <v>50</v>
      </c>
      <c r="F111" s="25">
        <v>50</v>
      </c>
      <c r="G111" s="26" t="s">
        <v>152</v>
      </c>
    </row>
    <row r="112" spans="2:7" x14ac:dyDescent="0.2">
      <c r="B112" s="29"/>
      <c r="C112" s="2" t="s">
        <v>13</v>
      </c>
      <c r="D112" s="19">
        <v>78</v>
      </c>
      <c r="E112" s="20">
        <v>47</v>
      </c>
      <c r="F112" s="21">
        <v>22</v>
      </c>
      <c r="G112" s="22">
        <v>9</v>
      </c>
    </row>
    <row r="113" spans="2:7" x14ac:dyDescent="0.2">
      <c r="B113" s="30"/>
      <c r="C113" s="10"/>
      <c r="D113" s="15">
        <v>100</v>
      </c>
      <c r="E113" s="16">
        <v>60.3</v>
      </c>
      <c r="F113" s="17">
        <v>28.2</v>
      </c>
      <c r="G113" s="18">
        <v>11.5</v>
      </c>
    </row>
    <row r="114" spans="2:7" x14ac:dyDescent="0.2">
      <c r="B114" s="28" t="s">
        <v>31</v>
      </c>
      <c r="C114" s="9" t="s">
        <v>12</v>
      </c>
      <c r="D114" s="11">
        <v>752</v>
      </c>
      <c r="E114" s="12">
        <v>516</v>
      </c>
      <c r="F114" s="13">
        <v>217</v>
      </c>
      <c r="G114" s="14">
        <v>19</v>
      </c>
    </row>
    <row r="115" spans="2:7" x14ac:dyDescent="0.2">
      <c r="B115" s="29"/>
      <c r="C115" s="8"/>
      <c r="D115" s="15">
        <v>100</v>
      </c>
      <c r="E115" s="16">
        <v>68.599999999999994</v>
      </c>
      <c r="F115" s="17">
        <v>28.9</v>
      </c>
      <c r="G115" s="18">
        <v>2.5</v>
      </c>
    </row>
    <row r="116" spans="2:7" x14ac:dyDescent="0.2">
      <c r="B116" s="29"/>
      <c r="C116" s="2" t="s">
        <v>11</v>
      </c>
      <c r="D116" s="19">
        <v>2</v>
      </c>
      <c r="E116" s="20">
        <v>1</v>
      </c>
      <c r="F116" s="21" t="s">
        <v>152</v>
      </c>
      <c r="G116" s="22">
        <v>1</v>
      </c>
    </row>
    <row r="117" spans="2:7" x14ac:dyDescent="0.2">
      <c r="B117" s="29"/>
      <c r="C117" s="7"/>
      <c r="D117" s="23">
        <v>100</v>
      </c>
      <c r="E117" s="24">
        <v>50</v>
      </c>
      <c r="F117" s="25" t="s">
        <v>152</v>
      </c>
      <c r="G117" s="26">
        <v>50</v>
      </c>
    </row>
    <row r="118" spans="2:7" x14ac:dyDescent="0.2">
      <c r="B118" s="29"/>
      <c r="C118" s="2" t="s">
        <v>10</v>
      </c>
      <c r="D118" s="19">
        <v>32</v>
      </c>
      <c r="E118" s="20">
        <v>24</v>
      </c>
      <c r="F118" s="21">
        <v>7</v>
      </c>
      <c r="G118" s="22">
        <v>1</v>
      </c>
    </row>
    <row r="119" spans="2:7" x14ac:dyDescent="0.2">
      <c r="B119" s="29"/>
      <c r="C119" s="7"/>
      <c r="D119" s="23">
        <v>100</v>
      </c>
      <c r="E119" s="24">
        <v>75</v>
      </c>
      <c r="F119" s="25">
        <v>21.9</v>
      </c>
      <c r="G119" s="26">
        <v>3.1</v>
      </c>
    </row>
    <row r="120" spans="2:7" x14ac:dyDescent="0.2">
      <c r="B120" s="29"/>
      <c r="C120" s="2" t="s">
        <v>9</v>
      </c>
      <c r="D120" s="19">
        <v>33</v>
      </c>
      <c r="E120" s="20">
        <v>22</v>
      </c>
      <c r="F120" s="21">
        <v>9</v>
      </c>
      <c r="G120" s="22">
        <v>2</v>
      </c>
    </row>
    <row r="121" spans="2:7" x14ac:dyDescent="0.2">
      <c r="B121" s="29"/>
      <c r="C121" s="7"/>
      <c r="D121" s="23">
        <v>100</v>
      </c>
      <c r="E121" s="24">
        <v>66.7</v>
      </c>
      <c r="F121" s="25">
        <v>27.3</v>
      </c>
      <c r="G121" s="26">
        <v>6.1</v>
      </c>
    </row>
    <row r="122" spans="2:7" x14ac:dyDescent="0.2">
      <c r="B122" s="29"/>
      <c r="C122" s="2" t="s">
        <v>8</v>
      </c>
      <c r="D122" s="19">
        <v>71</v>
      </c>
      <c r="E122" s="20">
        <v>52</v>
      </c>
      <c r="F122" s="21">
        <v>18</v>
      </c>
      <c r="G122" s="22">
        <v>1</v>
      </c>
    </row>
    <row r="123" spans="2:7" x14ac:dyDescent="0.2">
      <c r="B123" s="29"/>
      <c r="C123" s="7"/>
      <c r="D123" s="23">
        <v>100</v>
      </c>
      <c r="E123" s="24">
        <v>73.2</v>
      </c>
      <c r="F123" s="25">
        <v>25.4</v>
      </c>
      <c r="G123" s="26">
        <v>1.4</v>
      </c>
    </row>
    <row r="124" spans="2:7" x14ac:dyDescent="0.2">
      <c r="B124" s="29"/>
      <c r="C124" s="2" t="s">
        <v>7</v>
      </c>
      <c r="D124" s="19">
        <v>152</v>
      </c>
      <c r="E124" s="20">
        <v>104</v>
      </c>
      <c r="F124" s="21">
        <v>44</v>
      </c>
      <c r="G124" s="22">
        <v>4</v>
      </c>
    </row>
    <row r="125" spans="2:7" x14ac:dyDescent="0.2">
      <c r="B125" s="29"/>
      <c r="C125" s="7"/>
      <c r="D125" s="23">
        <v>100</v>
      </c>
      <c r="E125" s="24">
        <v>68.400000000000006</v>
      </c>
      <c r="F125" s="25">
        <v>28.9</v>
      </c>
      <c r="G125" s="26">
        <v>2.6</v>
      </c>
    </row>
    <row r="126" spans="2:7" x14ac:dyDescent="0.2">
      <c r="B126" s="29"/>
      <c r="C126" s="2" t="s">
        <v>6</v>
      </c>
      <c r="D126" s="19">
        <v>176</v>
      </c>
      <c r="E126" s="20">
        <v>125</v>
      </c>
      <c r="F126" s="21">
        <v>50</v>
      </c>
      <c r="G126" s="22">
        <v>1</v>
      </c>
    </row>
    <row r="127" spans="2:7" x14ac:dyDescent="0.2">
      <c r="B127" s="29"/>
      <c r="C127" s="7"/>
      <c r="D127" s="23">
        <v>100</v>
      </c>
      <c r="E127" s="24">
        <v>71</v>
      </c>
      <c r="F127" s="25">
        <v>28.4</v>
      </c>
      <c r="G127" s="26">
        <v>0.6</v>
      </c>
    </row>
    <row r="128" spans="2:7" x14ac:dyDescent="0.2">
      <c r="B128" s="29"/>
      <c r="C128" s="2" t="s">
        <v>5</v>
      </c>
      <c r="D128" s="19">
        <v>37</v>
      </c>
      <c r="E128" s="20">
        <v>27</v>
      </c>
      <c r="F128" s="21">
        <v>8</v>
      </c>
      <c r="G128" s="22">
        <v>2</v>
      </c>
    </row>
    <row r="129" spans="2:7" x14ac:dyDescent="0.2">
      <c r="B129" s="29"/>
      <c r="C129" s="7"/>
      <c r="D129" s="23">
        <v>100</v>
      </c>
      <c r="E129" s="24">
        <v>73</v>
      </c>
      <c r="F129" s="25">
        <v>21.6</v>
      </c>
      <c r="G129" s="26">
        <v>5.4</v>
      </c>
    </row>
    <row r="130" spans="2:7" x14ac:dyDescent="0.2">
      <c r="B130" s="29"/>
      <c r="C130" s="2" t="s">
        <v>4</v>
      </c>
      <c r="D130" s="19">
        <v>67</v>
      </c>
      <c r="E130" s="20">
        <v>43</v>
      </c>
      <c r="F130" s="21">
        <v>23</v>
      </c>
      <c r="G130" s="22">
        <v>1</v>
      </c>
    </row>
    <row r="131" spans="2:7" x14ac:dyDescent="0.2">
      <c r="B131" s="29"/>
      <c r="C131" s="7"/>
      <c r="D131" s="23">
        <v>100</v>
      </c>
      <c r="E131" s="24">
        <v>64.2</v>
      </c>
      <c r="F131" s="25">
        <v>34.299999999999997</v>
      </c>
      <c r="G131" s="26">
        <v>1.5</v>
      </c>
    </row>
    <row r="132" spans="2:7" x14ac:dyDescent="0.2">
      <c r="B132" s="29"/>
      <c r="C132" s="2" t="s">
        <v>3</v>
      </c>
      <c r="D132" s="19">
        <v>159</v>
      </c>
      <c r="E132" s="20">
        <v>103</v>
      </c>
      <c r="F132" s="21">
        <v>51</v>
      </c>
      <c r="G132" s="22">
        <v>5</v>
      </c>
    </row>
    <row r="133" spans="2:7" x14ac:dyDescent="0.2">
      <c r="B133" s="29"/>
      <c r="C133" s="7"/>
      <c r="D133" s="23">
        <v>100</v>
      </c>
      <c r="E133" s="24">
        <v>64.8</v>
      </c>
      <c r="F133" s="25">
        <v>32.1</v>
      </c>
      <c r="G133" s="26">
        <v>3.1</v>
      </c>
    </row>
    <row r="134" spans="2:7" x14ac:dyDescent="0.2">
      <c r="B134" s="29"/>
      <c r="C134" s="2" t="s">
        <v>2</v>
      </c>
      <c r="D134" s="19">
        <v>23</v>
      </c>
      <c r="E134" s="20">
        <v>15</v>
      </c>
      <c r="F134" s="21">
        <v>7</v>
      </c>
      <c r="G134" s="22">
        <v>1</v>
      </c>
    </row>
    <row r="135" spans="2:7" x14ac:dyDescent="0.2">
      <c r="B135" s="30"/>
      <c r="C135" s="10"/>
      <c r="D135" s="15">
        <v>100</v>
      </c>
      <c r="E135" s="16">
        <v>65.2</v>
      </c>
      <c r="F135" s="17">
        <v>30.4</v>
      </c>
      <c r="G135" s="18">
        <v>4.3</v>
      </c>
    </row>
  </sheetData>
  <mergeCells count="6">
    <mergeCell ref="B4:B21"/>
    <mergeCell ref="B114:B135"/>
    <mergeCell ref="B92:B113"/>
    <mergeCell ref="B52:B91"/>
    <mergeCell ref="B30:B51"/>
    <mergeCell ref="B22:B29"/>
  </mergeCells>
  <phoneticPr fontId="2"/>
  <pageMargins left="0.7" right="0.7" top="0.75" bottom="0.75" header="0.3" footer="0.3"/>
  <pageSetup paperSize="9" orientation="portrai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81</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771</v>
      </c>
      <c r="F4" s="13">
        <v>409</v>
      </c>
      <c r="G4" s="14">
        <v>61</v>
      </c>
    </row>
    <row r="5" spans="2:7" x14ac:dyDescent="0.2">
      <c r="B5" s="29"/>
      <c r="C5" s="8"/>
      <c r="D5" s="15">
        <v>100</v>
      </c>
      <c r="E5" s="16">
        <v>62.1</v>
      </c>
      <c r="F5" s="17">
        <v>33</v>
      </c>
      <c r="G5" s="18">
        <v>4.9000000000000004</v>
      </c>
    </row>
    <row r="6" spans="2:7" x14ac:dyDescent="0.2">
      <c r="B6" s="29"/>
      <c r="C6" s="2" t="s">
        <v>52</v>
      </c>
      <c r="D6" s="19">
        <v>557</v>
      </c>
      <c r="E6" s="20">
        <v>347</v>
      </c>
      <c r="F6" s="21">
        <v>180</v>
      </c>
      <c r="G6" s="22">
        <v>30</v>
      </c>
    </row>
    <row r="7" spans="2:7" x14ac:dyDescent="0.2">
      <c r="B7" s="29"/>
      <c r="C7" s="7"/>
      <c r="D7" s="23">
        <v>100</v>
      </c>
      <c r="E7" s="24">
        <v>62.3</v>
      </c>
      <c r="F7" s="25">
        <v>32.299999999999997</v>
      </c>
      <c r="G7" s="26">
        <v>5.4</v>
      </c>
    </row>
    <row r="8" spans="2:7" x14ac:dyDescent="0.2">
      <c r="B8" s="29"/>
      <c r="C8" s="2" t="s">
        <v>51</v>
      </c>
      <c r="D8" s="19">
        <v>595</v>
      </c>
      <c r="E8" s="20">
        <v>377</v>
      </c>
      <c r="F8" s="21">
        <v>201</v>
      </c>
      <c r="G8" s="22">
        <v>17</v>
      </c>
    </row>
    <row r="9" spans="2:7" x14ac:dyDescent="0.2">
      <c r="B9" s="29"/>
      <c r="C9" s="7"/>
      <c r="D9" s="23">
        <v>100</v>
      </c>
      <c r="E9" s="24">
        <v>63.4</v>
      </c>
      <c r="F9" s="25">
        <v>33.799999999999997</v>
      </c>
      <c r="G9" s="26">
        <v>2.9</v>
      </c>
    </row>
    <row r="10" spans="2:7" x14ac:dyDescent="0.2">
      <c r="B10" s="29"/>
      <c r="C10" s="2" t="s">
        <v>13</v>
      </c>
      <c r="D10" s="19">
        <v>89</v>
      </c>
      <c r="E10" s="20">
        <v>47</v>
      </c>
      <c r="F10" s="21">
        <v>28</v>
      </c>
      <c r="G10" s="22">
        <v>14</v>
      </c>
    </row>
    <row r="11" spans="2:7" x14ac:dyDescent="0.2">
      <c r="B11" s="30"/>
      <c r="C11" s="10"/>
      <c r="D11" s="15">
        <v>100</v>
      </c>
      <c r="E11" s="16">
        <v>52.8</v>
      </c>
      <c r="F11" s="17">
        <v>31.5</v>
      </c>
      <c r="G11" s="18">
        <v>15.7</v>
      </c>
    </row>
    <row r="12" spans="2:7" x14ac:dyDescent="0.2">
      <c r="B12" s="28" t="s">
        <v>54</v>
      </c>
      <c r="C12" s="9" t="s">
        <v>12</v>
      </c>
      <c r="D12" s="11">
        <v>1241</v>
      </c>
      <c r="E12" s="12">
        <v>771</v>
      </c>
      <c r="F12" s="13">
        <v>409</v>
      </c>
      <c r="G12" s="14">
        <v>61</v>
      </c>
    </row>
    <row r="13" spans="2:7" x14ac:dyDescent="0.2">
      <c r="B13" s="29"/>
      <c r="C13" s="8"/>
      <c r="D13" s="15">
        <v>100</v>
      </c>
      <c r="E13" s="16">
        <v>62.1</v>
      </c>
      <c r="F13" s="17">
        <v>33</v>
      </c>
      <c r="G13" s="18">
        <v>4.9000000000000004</v>
      </c>
    </row>
    <row r="14" spans="2:7" x14ac:dyDescent="0.2">
      <c r="B14" s="29"/>
      <c r="C14" s="2" t="s">
        <v>50</v>
      </c>
      <c r="D14" s="19">
        <v>84</v>
      </c>
      <c r="E14" s="20">
        <v>46</v>
      </c>
      <c r="F14" s="21">
        <v>35</v>
      </c>
      <c r="G14" s="22">
        <v>3</v>
      </c>
    </row>
    <row r="15" spans="2:7" x14ac:dyDescent="0.2">
      <c r="B15" s="29"/>
      <c r="C15" s="7"/>
      <c r="D15" s="23">
        <v>100</v>
      </c>
      <c r="E15" s="24">
        <v>54.8</v>
      </c>
      <c r="F15" s="25">
        <v>41.7</v>
      </c>
      <c r="G15" s="26">
        <v>3.6</v>
      </c>
    </row>
    <row r="16" spans="2:7" x14ac:dyDescent="0.2">
      <c r="B16" s="29"/>
      <c r="C16" s="2" t="s">
        <v>49</v>
      </c>
      <c r="D16" s="19">
        <v>97</v>
      </c>
      <c r="E16" s="20">
        <v>58</v>
      </c>
      <c r="F16" s="21">
        <v>36</v>
      </c>
      <c r="G16" s="22">
        <v>3</v>
      </c>
    </row>
    <row r="17" spans="2:7" x14ac:dyDescent="0.2">
      <c r="B17" s="29"/>
      <c r="C17" s="7"/>
      <c r="D17" s="23">
        <v>100</v>
      </c>
      <c r="E17" s="24">
        <v>59.8</v>
      </c>
      <c r="F17" s="25">
        <v>37.1</v>
      </c>
      <c r="G17" s="26">
        <v>3.1</v>
      </c>
    </row>
    <row r="18" spans="2:7" x14ac:dyDescent="0.2">
      <c r="B18" s="29"/>
      <c r="C18" s="2" t="s">
        <v>48</v>
      </c>
      <c r="D18" s="19">
        <v>79</v>
      </c>
      <c r="E18" s="20">
        <v>53</v>
      </c>
      <c r="F18" s="21">
        <v>25</v>
      </c>
      <c r="G18" s="22">
        <v>1</v>
      </c>
    </row>
    <row r="19" spans="2:7" x14ac:dyDescent="0.2">
      <c r="B19" s="29"/>
      <c r="C19" s="7"/>
      <c r="D19" s="23">
        <v>100</v>
      </c>
      <c r="E19" s="24">
        <v>67.099999999999994</v>
      </c>
      <c r="F19" s="25">
        <v>31.6</v>
      </c>
      <c r="G19" s="26">
        <v>1.3</v>
      </c>
    </row>
    <row r="20" spans="2:7" x14ac:dyDescent="0.2">
      <c r="B20" s="29"/>
      <c r="C20" s="2" t="s">
        <v>47</v>
      </c>
      <c r="D20" s="19">
        <v>72</v>
      </c>
      <c r="E20" s="20">
        <v>47</v>
      </c>
      <c r="F20" s="21">
        <v>24</v>
      </c>
      <c r="G20" s="22">
        <v>1</v>
      </c>
    </row>
    <row r="21" spans="2:7" x14ac:dyDescent="0.2">
      <c r="B21" s="29"/>
      <c r="C21" s="7"/>
      <c r="D21" s="23">
        <v>100</v>
      </c>
      <c r="E21" s="24">
        <v>65.3</v>
      </c>
      <c r="F21" s="25">
        <v>33.299999999999997</v>
      </c>
      <c r="G21" s="26">
        <v>1.4</v>
      </c>
    </row>
    <row r="22" spans="2:7" x14ac:dyDescent="0.2">
      <c r="B22" s="29"/>
      <c r="C22" s="2" t="s">
        <v>46</v>
      </c>
      <c r="D22" s="19">
        <v>15</v>
      </c>
      <c r="E22" s="20">
        <v>10</v>
      </c>
      <c r="F22" s="21">
        <v>5</v>
      </c>
      <c r="G22" s="22" t="s">
        <v>152</v>
      </c>
    </row>
    <row r="23" spans="2:7" x14ac:dyDescent="0.2">
      <c r="B23" s="29"/>
      <c r="C23" s="7"/>
      <c r="D23" s="23">
        <v>100</v>
      </c>
      <c r="E23" s="24">
        <v>66.7</v>
      </c>
      <c r="F23" s="25">
        <v>33.299999999999997</v>
      </c>
      <c r="G23" s="26" t="s">
        <v>152</v>
      </c>
    </row>
    <row r="24" spans="2:7" x14ac:dyDescent="0.2">
      <c r="B24" s="29"/>
      <c r="C24" s="2" t="s">
        <v>45</v>
      </c>
      <c r="D24" s="19">
        <v>77</v>
      </c>
      <c r="E24" s="20">
        <v>55</v>
      </c>
      <c r="F24" s="21">
        <v>20</v>
      </c>
      <c r="G24" s="22">
        <v>2</v>
      </c>
    </row>
    <row r="25" spans="2:7" x14ac:dyDescent="0.2">
      <c r="B25" s="29"/>
      <c r="C25" s="7"/>
      <c r="D25" s="23">
        <v>100</v>
      </c>
      <c r="E25" s="24">
        <v>71.400000000000006</v>
      </c>
      <c r="F25" s="25">
        <v>26</v>
      </c>
      <c r="G25" s="26">
        <v>2.6</v>
      </c>
    </row>
    <row r="26" spans="2:7" x14ac:dyDescent="0.2">
      <c r="B26" s="29"/>
      <c r="C26" s="2" t="s">
        <v>44</v>
      </c>
      <c r="D26" s="19">
        <v>260</v>
      </c>
      <c r="E26" s="20">
        <v>171</v>
      </c>
      <c r="F26" s="21">
        <v>73</v>
      </c>
      <c r="G26" s="22">
        <v>16</v>
      </c>
    </row>
    <row r="27" spans="2:7" x14ac:dyDescent="0.2">
      <c r="B27" s="29"/>
      <c r="C27" s="7"/>
      <c r="D27" s="23">
        <v>100</v>
      </c>
      <c r="E27" s="24">
        <v>65.8</v>
      </c>
      <c r="F27" s="25">
        <v>28.1</v>
      </c>
      <c r="G27" s="26">
        <v>6.2</v>
      </c>
    </row>
    <row r="28" spans="2:7" x14ac:dyDescent="0.2">
      <c r="B28" s="29"/>
      <c r="C28" s="2" t="s">
        <v>43</v>
      </c>
      <c r="D28" s="19">
        <v>334</v>
      </c>
      <c r="E28" s="20">
        <v>195</v>
      </c>
      <c r="F28" s="21">
        <v>116</v>
      </c>
      <c r="G28" s="22">
        <v>23</v>
      </c>
    </row>
    <row r="29" spans="2:7" x14ac:dyDescent="0.2">
      <c r="B29" s="29"/>
      <c r="C29" s="7"/>
      <c r="D29" s="23">
        <v>100</v>
      </c>
      <c r="E29" s="24">
        <v>58.4</v>
      </c>
      <c r="F29" s="25">
        <v>34.700000000000003</v>
      </c>
      <c r="G29" s="26">
        <v>6.9</v>
      </c>
    </row>
    <row r="30" spans="2:7" x14ac:dyDescent="0.2">
      <c r="B30" s="29"/>
      <c r="C30" s="2" t="s">
        <v>14</v>
      </c>
      <c r="D30" s="19">
        <v>28</v>
      </c>
      <c r="E30" s="20">
        <v>14</v>
      </c>
      <c r="F30" s="21">
        <v>11</v>
      </c>
      <c r="G30" s="22">
        <v>3</v>
      </c>
    </row>
    <row r="31" spans="2:7" x14ac:dyDescent="0.2">
      <c r="B31" s="29"/>
      <c r="C31" s="7"/>
      <c r="D31" s="23">
        <v>100</v>
      </c>
      <c r="E31" s="24">
        <v>50</v>
      </c>
      <c r="F31" s="25">
        <v>39.299999999999997</v>
      </c>
      <c r="G31" s="26">
        <v>10.7</v>
      </c>
    </row>
    <row r="32" spans="2:7" x14ac:dyDescent="0.2">
      <c r="B32" s="29"/>
      <c r="C32" s="2" t="s">
        <v>42</v>
      </c>
      <c r="D32" s="19">
        <v>390</v>
      </c>
      <c r="E32" s="20">
        <v>255</v>
      </c>
      <c r="F32" s="21">
        <v>123</v>
      </c>
      <c r="G32" s="22">
        <v>12</v>
      </c>
    </row>
    <row r="33" spans="2:7" x14ac:dyDescent="0.2">
      <c r="B33" s="29"/>
      <c r="C33" s="7"/>
      <c r="D33" s="23">
        <v>100</v>
      </c>
      <c r="E33" s="24">
        <v>65.400000000000006</v>
      </c>
      <c r="F33" s="25">
        <v>31.5</v>
      </c>
      <c r="G33" s="26">
        <v>3.1</v>
      </c>
    </row>
    <row r="34" spans="2:7" x14ac:dyDescent="0.2">
      <c r="B34" s="29"/>
      <c r="C34" s="2" t="s">
        <v>13</v>
      </c>
      <c r="D34" s="19">
        <v>70</v>
      </c>
      <c r="E34" s="20">
        <v>39</v>
      </c>
      <c r="F34" s="21">
        <v>21</v>
      </c>
      <c r="G34" s="22">
        <v>10</v>
      </c>
    </row>
    <row r="35" spans="2:7" x14ac:dyDescent="0.2">
      <c r="B35" s="30"/>
      <c r="C35" s="10"/>
      <c r="D35" s="15">
        <v>100</v>
      </c>
      <c r="E35" s="16">
        <v>55.7</v>
      </c>
      <c r="F35" s="17">
        <v>30</v>
      </c>
      <c r="G35" s="18">
        <v>14.3</v>
      </c>
    </row>
    <row r="36" spans="2:7" x14ac:dyDescent="0.2">
      <c r="B36" s="28" t="s">
        <v>53</v>
      </c>
      <c r="C36" s="9" t="s">
        <v>12</v>
      </c>
      <c r="D36" s="11">
        <v>1241</v>
      </c>
      <c r="E36" s="12">
        <v>771</v>
      </c>
      <c r="F36" s="13">
        <v>409</v>
      </c>
      <c r="G36" s="14">
        <v>61</v>
      </c>
    </row>
    <row r="37" spans="2:7" x14ac:dyDescent="0.2">
      <c r="B37" s="29"/>
      <c r="C37" s="8"/>
      <c r="D37" s="15">
        <v>100</v>
      </c>
      <c r="E37" s="16">
        <v>62.1</v>
      </c>
      <c r="F37" s="17">
        <v>33</v>
      </c>
      <c r="G37" s="18">
        <v>4.9000000000000004</v>
      </c>
    </row>
    <row r="38" spans="2:7" x14ac:dyDescent="0.2">
      <c r="B38" s="29"/>
      <c r="C38" s="2" t="s">
        <v>41</v>
      </c>
      <c r="D38" s="19">
        <v>799</v>
      </c>
      <c r="E38" s="20">
        <v>510</v>
      </c>
      <c r="F38" s="21">
        <v>270</v>
      </c>
      <c r="G38" s="22">
        <v>19</v>
      </c>
    </row>
    <row r="39" spans="2:7" x14ac:dyDescent="0.2">
      <c r="B39" s="29"/>
      <c r="C39" s="7"/>
      <c r="D39" s="23">
        <v>100</v>
      </c>
      <c r="E39" s="24">
        <v>63.8</v>
      </c>
      <c r="F39" s="25">
        <v>33.799999999999997</v>
      </c>
      <c r="G39" s="26">
        <v>2.4</v>
      </c>
    </row>
    <row r="40" spans="2:7" x14ac:dyDescent="0.2">
      <c r="B40" s="29"/>
      <c r="C40" s="2" t="s">
        <v>40</v>
      </c>
      <c r="D40" s="19">
        <v>182</v>
      </c>
      <c r="E40" s="20">
        <v>117</v>
      </c>
      <c r="F40" s="21">
        <v>53</v>
      </c>
      <c r="G40" s="22">
        <v>12</v>
      </c>
    </row>
    <row r="41" spans="2:7" x14ac:dyDescent="0.2">
      <c r="B41" s="29"/>
      <c r="C41" s="7"/>
      <c r="D41" s="23">
        <v>100</v>
      </c>
      <c r="E41" s="24">
        <v>64.3</v>
      </c>
      <c r="F41" s="25">
        <v>29.1</v>
      </c>
      <c r="G41" s="26">
        <v>6.6</v>
      </c>
    </row>
    <row r="42" spans="2:7" x14ac:dyDescent="0.2">
      <c r="B42" s="29"/>
      <c r="C42" s="2" t="s">
        <v>39</v>
      </c>
      <c r="D42" s="19">
        <v>72</v>
      </c>
      <c r="E42" s="20">
        <v>47</v>
      </c>
      <c r="F42" s="21">
        <v>23</v>
      </c>
      <c r="G42" s="22">
        <v>2</v>
      </c>
    </row>
    <row r="43" spans="2:7" x14ac:dyDescent="0.2">
      <c r="B43" s="29"/>
      <c r="C43" s="7"/>
      <c r="D43" s="23">
        <v>100</v>
      </c>
      <c r="E43" s="24">
        <v>65.3</v>
      </c>
      <c r="F43" s="25">
        <v>31.9</v>
      </c>
      <c r="G43" s="26">
        <v>2.8</v>
      </c>
    </row>
    <row r="44" spans="2:7" x14ac:dyDescent="0.2">
      <c r="B44" s="29"/>
      <c r="C44" s="2" t="s">
        <v>38</v>
      </c>
      <c r="D44" s="19">
        <v>127</v>
      </c>
      <c r="E44" s="20">
        <v>63</v>
      </c>
      <c r="F44" s="21">
        <v>45</v>
      </c>
      <c r="G44" s="22">
        <v>19</v>
      </c>
    </row>
    <row r="45" spans="2:7" x14ac:dyDescent="0.2">
      <c r="B45" s="29"/>
      <c r="C45" s="7"/>
      <c r="D45" s="23">
        <v>100</v>
      </c>
      <c r="E45" s="24">
        <v>49.6</v>
      </c>
      <c r="F45" s="25">
        <v>35.4</v>
      </c>
      <c r="G45" s="26">
        <v>15</v>
      </c>
    </row>
    <row r="46" spans="2:7" x14ac:dyDescent="0.2">
      <c r="B46" s="29"/>
      <c r="C46" s="2" t="s">
        <v>13</v>
      </c>
      <c r="D46" s="19">
        <v>61</v>
      </c>
      <c r="E46" s="20">
        <v>34</v>
      </c>
      <c r="F46" s="21">
        <v>18</v>
      </c>
      <c r="G46" s="22">
        <v>9</v>
      </c>
    </row>
    <row r="47" spans="2:7" x14ac:dyDescent="0.2">
      <c r="B47" s="30"/>
      <c r="C47" s="10"/>
      <c r="D47" s="15">
        <v>100</v>
      </c>
      <c r="E47" s="16">
        <v>55.7</v>
      </c>
      <c r="F47" s="17">
        <v>29.5</v>
      </c>
      <c r="G47" s="18">
        <v>14.8</v>
      </c>
    </row>
  </sheetData>
  <mergeCells count="3">
    <mergeCell ref="B4:B11"/>
    <mergeCell ref="B12:B35"/>
    <mergeCell ref="B36:B47"/>
  </mergeCells>
  <phoneticPr fontId="2"/>
  <pageMargins left="0.7" right="0.7" top="0.75" bottom="0.75" header="0.3" footer="0.3"/>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80</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328</v>
      </c>
      <c r="F4" s="13">
        <v>848</v>
      </c>
      <c r="G4" s="14">
        <v>65</v>
      </c>
    </row>
    <row r="5" spans="2:7" x14ac:dyDescent="0.2">
      <c r="B5" s="29"/>
      <c r="C5" s="8"/>
      <c r="D5" s="15">
        <v>100</v>
      </c>
      <c r="E5" s="16">
        <v>26.4</v>
      </c>
      <c r="F5" s="17">
        <v>68.3</v>
      </c>
      <c r="G5" s="18">
        <v>5.2</v>
      </c>
    </row>
    <row r="6" spans="2:7" x14ac:dyDescent="0.2">
      <c r="B6" s="29"/>
      <c r="C6" s="2" t="s">
        <v>30</v>
      </c>
      <c r="D6" s="19">
        <v>499</v>
      </c>
      <c r="E6" s="20">
        <v>148</v>
      </c>
      <c r="F6" s="21">
        <v>333</v>
      </c>
      <c r="G6" s="22">
        <v>18</v>
      </c>
    </row>
    <row r="7" spans="2:7" x14ac:dyDescent="0.2">
      <c r="B7" s="29"/>
      <c r="C7" s="7"/>
      <c r="D7" s="23">
        <v>100</v>
      </c>
      <c r="E7" s="24">
        <v>29.7</v>
      </c>
      <c r="F7" s="25">
        <v>66.7</v>
      </c>
      <c r="G7" s="26">
        <v>3.6</v>
      </c>
    </row>
    <row r="8" spans="2:7" x14ac:dyDescent="0.2">
      <c r="B8" s="29"/>
      <c r="C8" s="2" t="s">
        <v>29</v>
      </c>
      <c r="D8" s="19">
        <v>150</v>
      </c>
      <c r="E8" s="20">
        <v>52</v>
      </c>
      <c r="F8" s="21">
        <v>88</v>
      </c>
      <c r="G8" s="22">
        <v>10</v>
      </c>
    </row>
    <row r="9" spans="2:7" x14ac:dyDescent="0.2">
      <c r="B9" s="29"/>
      <c r="C9" s="7"/>
      <c r="D9" s="23">
        <v>100</v>
      </c>
      <c r="E9" s="24">
        <v>34.700000000000003</v>
      </c>
      <c r="F9" s="25">
        <v>58.7</v>
      </c>
      <c r="G9" s="26">
        <v>6.7</v>
      </c>
    </row>
    <row r="10" spans="2:7" x14ac:dyDescent="0.2">
      <c r="B10" s="29"/>
      <c r="C10" s="2" t="s">
        <v>28</v>
      </c>
      <c r="D10" s="19">
        <v>82</v>
      </c>
      <c r="E10" s="20">
        <v>23</v>
      </c>
      <c r="F10" s="21">
        <v>55</v>
      </c>
      <c r="G10" s="22">
        <v>4</v>
      </c>
    </row>
    <row r="11" spans="2:7" x14ac:dyDescent="0.2">
      <c r="B11" s="29"/>
      <c r="C11" s="7"/>
      <c r="D11" s="23">
        <v>100</v>
      </c>
      <c r="E11" s="24">
        <v>28</v>
      </c>
      <c r="F11" s="25">
        <v>67.099999999999994</v>
      </c>
      <c r="G11" s="26">
        <v>4.9000000000000004</v>
      </c>
    </row>
    <row r="12" spans="2:7" x14ac:dyDescent="0.2">
      <c r="B12" s="29"/>
      <c r="C12" s="2" t="s">
        <v>27</v>
      </c>
      <c r="D12" s="19">
        <v>92</v>
      </c>
      <c r="E12" s="20">
        <v>18</v>
      </c>
      <c r="F12" s="21">
        <v>68</v>
      </c>
      <c r="G12" s="22">
        <v>6</v>
      </c>
    </row>
    <row r="13" spans="2:7" x14ac:dyDescent="0.2">
      <c r="B13" s="29"/>
      <c r="C13" s="7"/>
      <c r="D13" s="23">
        <v>100</v>
      </c>
      <c r="E13" s="24">
        <v>19.600000000000001</v>
      </c>
      <c r="F13" s="25">
        <v>73.900000000000006</v>
      </c>
      <c r="G13" s="26">
        <v>6.5</v>
      </c>
    </row>
    <row r="14" spans="2:7" x14ac:dyDescent="0.2">
      <c r="B14" s="29"/>
      <c r="C14" s="2" t="s">
        <v>26</v>
      </c>
      <c r="D14" s="19">
        <v>112</v>
      </c>
      <c r="E14" s="20">
        <v>32</v>
      </c>
      <c r="F14" s="21">
        <v>74</v>
      </c>
      <c r="G14" s="22">
        <v>6</v>
      </c>
    </row>
    <row r="15" spans="2:7" x14ac:dyDescent="0.2">
      <c r="B15" s="29"/>
      <c r="C15" s="7"/>
      <c r="D15" s="23">
        <v>100</v>
      </c>
      <c r="E15" s="24">
        <v>28.6</v>
      </c>
      <c r="F15" s="25">
        <v>66.099999999999994</v>
      </c>
      <c r="G15" s="26">
        <v>5.4</v>
      </c>
    </row>
    <row r="16" spans="2:7" x14ac:dyDescent="0.2">
      <c r="B16" s="29"/>
      <c r="C16" s="2" t="s">
        <v>25</v>
      </c>
      <c r="D16" s="19">
        <v>188</v>
      </c>
      <c r="E16" s="20">
        <v>37</v>
      </c>
      <c r="F16" s="21">
        <v>141</v>
      </c>
      <c r="G16" s="22">
        <v>10</v>
      </c>
    </row>
    <row r="17" spans="2:7" x14ac:dyDescent="0.2">
      <c r="B17" s="29"/>
      <c r="C17" s="7"/>
      <c r="D17" s="23">
        <v>100</v>
      </c>
      <c r="E17" s="24">
        <v>19.7</v>
      </c>
      <c r="F17" s="25">
        <v>75</v>
      </c>
      <c r="G17" s="26">
        <v>5.3</v>
      </c>
    </row>
    <row r="18" spans="2:7" x14ac:dyDescent="0.2">
      <c r="B18" s="29"/>
      <c r="C18" s="2" t="s">
        <v>24</v>
      </c>
      <c r="D18" s="19">
        <v>60</v>
      </c>
      <c r="E18" s="20">
        <v>8</v>
      </c>
      <c r="F18" s="21">
        <v>49</v>
      </c>
      <c r="G18" s="22">
        <v>3</v>
      </c>
    </row>
    <row r="19" spans="2:7" x14ac:dyDescent="0.2">
      <c r="B19" s="29"/>
      <c r="C19" s="7"/>
      <c r="D19" s="23">
        <v>100</v>
      </c>
      <c r="E19" s="24">
        <v>13.3</v>
      </c>
      <c r="F19" s="25">
        <v>81.7</v>
      </c>
      <c r="G19" s="26">
        <v>5</v>
      </c>
    </row>
    <row r="20" spans="2:7" x14ac:dyDescent="0.2">
      <c r="B20" s="29"/>
      <c r="C20" s="2" t="s">
        <v>13</v>
      </c>
      <c r="D20" s="19">
        <v>58</v>
      </c>
      <c r="E20" s="20">
        <v>10</v>
      </c>
      <c r="F20" s="21">
        <v>40</v>
      </c>
      <c r="G20" s="22">
        <v>8</v>
      </c>
    </row>
    <row r="21" spans="2:7" x14ac:dyDescent="0.2">
      <c r="B21" s="30"/>
      <c r="C21" s="10"/>
      <c r="D21" s="15">
        <v>100</v>
      </c>
      <c r="E21" s="16">
        <v>17.2</v>
      </c>
      <c r="F21" s="17">
        <v>69</v>
      </c>
      <c r="G21" s="18">
        <v>13.8</v>
      </c>
    </row>
    <row r="22" spans="2:7" x14ac:dyDescent="0.2">
      <c r="B22" s="28" t="s">
        <v>35</v>
      </c>
      <c r="C22" s="9" t="s">
        <v>12</v>
      </c>
      <c r="D22" s="11">
        <v>1241</v>
      </c>
      <c r="E22" s="12">
        <v>328</v>
      </c>
      <c r="F22" s="13">
        <v>848</v>
      </c>
      <c r="G22" s="14">
        <v>65</v>
      </c>
    </row>
    <row r="23" spans="2:7" x14ac:dyDescent="0.2">
      <c r="B23" s="29"/>
      <c r="C23" s="8"/>
      <c r="D23" s="15">
        <v>100</v>
      </c>
      <c r="E23" s="16">
        <v>26.4</v>
      </c>
      <c r="F23" s="17">
        <v>68.3</v>
      </c>
      <c r="G23" s="18">
        <v>5.2</v>
      </c>
    </row>
    <row r="24" spans="2:7" x14ac:dyDescent="0.2">
      <c r="B24" s="29"/>
      <c r="C24" s="2" t="s">
        <v>23</v>
      </c>
      <c r="D24" s="19">
        <v>563</v>
      </c>
      <c r="E24" s="20">
        <v>180</v>
      </c>
      <c r="F24" s="21">
        <v>366</v>
      </c>
      <c r="G24" s="22">
        <v>17</v>
      </c>
    </row>
    <row r="25" spans="2:7" x14ac:dyDescent="0.2">
      <c r="B25" s="29"/>
      <c r="C25" s="7"/>
      <c r="D25" s="23">
        <v>100</v>
      </c>
      <c r="E25" s="24">
        <v>32</v>
      </c>
      <c r="F25" s="25">
        <v>65</v>
      </c>
      <c r="G25" s="26">
        <v>3</v>
      </c>
    </row>
    <row r="26" spans="2:7" x14ac:dyDescent="0.2">
      <c r="B26" s="29"/>
      <c r="C26" s="2" t="s">
        <v>22</v>
      </c>
      <c r="D26" s="19">
        <v>607</v>
      </c>
      <c r="E26" s="20">
        <v>136</v>
      </c>
      <c r="F26" s="21">
        <v>431</v>
      </c>
      <c r="G26" s="22">
        <v>40</v>
      </c>
    </row>
    <row r="27" spans="2:7" x14ac:dyDescent="0.2">
      <c r="B27" s="29"/>
      <c r="C27" s="7"/>
      <c r="D27" s="23">
        <v>100</v>
      </c>
      <c r="E27" s="24">
        <v>22.4</v>
      </c>
      <c r="F27" s="25">
        <v>71</v>
      </c>
      <c r="G27" s="26">
        <v>6.6</v>
      </c>
    </row>
    <row r="28" spans="2:7" x14ac:dyDescent="0.2">
      <c r="B28" s="29"/>
      <c r="C28" s="2" t="s">
        <v>13</v>
      </c>
      <c r="D28" s="19">
        <v>71</v>
      </c>
      <c r="E28" s="20">
        <v>12</v>
      </c>
      <c r="F28" s="21">
        <v>51</v>
      </c>
      <c r="G28" s="22">
        <v>8</v>
      </c>
    </row>
    <row r="29" spans="2:7" x14ac:dyDescent="0.2">
      <c r="B29" s="30"/>
      <c r="C29" s="10"/>
      <c r="D29" s="15">
        <v>100</v>
      </c>
      <c r="E29" s="16">
        <v>16.899999999999999</v>
      </c>
      <c r="F29" s="17">
        <v>71.8</v>
      </c>
      <c r="G29" s="18">
        <v>11.3</v>
      </c>
    </row>
    <row r="30" spans="2:7" x14ac:dyDescent="0.2">
      <c r="B30" s="28" t="s">
        <v>34</v>
      </c>
      <c r="C30" s="9" t="s">
        <v>12</v>
      </c>
      <c r="D30" s="11">
        <v>1241</v>
      </c>
      <c r="E30" s="12">
        <v>328</v>
      </c>
      <c r="F30" s="13">
        <v>848</v>
      </c>
      <c r="G30" s="14">
        <v>65</v>
      </c>
    </row>
    <row r="31" spans="2:7" x14ac:dyDescent="0.2">
      <c r="B31" s="29"/>
      <c r="C31" s="8"/>
      <c r="D31" s="15">
        <v>100</v>
      </c>
      <c r="E31" s="16">
        <v>26.4</v>
      </c>
      <c r="F31" s="17">
        <v>68.3</v>
      </c>
      <c r="G31" s="18">
        <v>5.2</v>
      </c>
    </row>
    <row r="32" spans="2:7" x14ac:dyDescent="0.2">
      <c r="B32" s="29"/>
      <c r="C32" s="2" t="s">
        <v>75</v>
      </c>
      <c r="D32" s="19">
        <v>3</v>
      </c>
      <c r="E32" s="20">
        <v>2</v>
      </c>
      <c r="F32" s="21">
        <v>1</v>
      </c>
      <c r="G32" s="22" t="s">
        <v>152</v>
      </c>
    </row>
    <row r="33" spans="2:7" x14ac:dyDescent="0.2">
      <c r="B33" s="29"/>
      <c r="C33" s="7"/>
      <c r="D33" s="23">
        <v>100</v>
      </c>
      <c r="E33" s="24">
        <v>66.7</v>
      </c>
      <c r="F33" s="25">
        <v>33.299999999999997</v>
      </c>
      <c r="G33" s="26" t="s">
        <v>152</v>
      </c>
    </row>
    <row r="34" spans="2:7" x14ac:dyDescent="0.2">
      <c r="B34" s="29"/>
      <c r="C34" s="2" t="s">
        <v>77</v>
      </c>
      <c r="D34" s="19">
        <v>51</v>
      </c>
      <c r="E34" s="20">
        <v>19</v>
      </c>
      <c r="F34" s="21">
        <v>32</v>
      </c>
      <c r="G34" s="22" t="s">
        <v>152</v>
      </c>
    </row>
    <row r="35" spans="2:7" x14ac:dyDescent="0.2">
      <c r="B35" s="29"/>
      <c r="C35" s="7"/>
      <c r="D35" s="23">
        <v>100</v>
      </c>
      <c r="E35" s="24">
        <v>37.299999999999997</v>
      </c>
      <c r="F35" s="25">
        <v>62.7</v>
      </c>
      <c r="G35" s="26" t="s">
        <v>152</v>
      </c>
    </row>
    <row r="36" spans="2:7" x14ac:dyDescent="0.2">
      <c r="B36" s="29"/>
      <c r="C36" s="2" t="s">
        <v>147</v>
      </c>
      <c r="D36" s="19">
        <v>54</v>
      </c>
      <c r="E36" s="20">
        <v>21</v>
      </c>
      <c r="F36" s="21">
        <v>33</v>
      </c>
      <c r="G36" s="22" t="s">
        <v>152</v>
      </c>
    </row>
    <row r="37" spans="2:7" x14ac:dyDescent="0.2">
      <c r="B37" s="29"/>
      <c r="C37" s="7"/>
      <c r="D37" s="23">
        <v>100</v>
      </c>
      <c r="E37" s="24">
        <v>38.888888888888893</v>
      </c>
      <c r="F37" s="25">
        <v>61.111111111111114</v>
      </c>
      <c r="G37" s="26" t="s">
        <v>152</v>
      </c>
    </row>
    <row r="38" spans="2:7" x14ac:dyDescent="0.2">
      <c r="B38" s="29"/>
      <c r="C38" s="2" t="s">
        <v>79</v>
      </c>
      <c r="D38" s="19">
        <v>116</v>
      </c>
      <c r="E38" s="20">
        <v>47</v>
      </c>
      <c r="F38" s="21">
        <v>63</v>
      </c>
      <c r="G38" s="22">
        <v>6</v>
      </c>
    </row>
    <row r="39" spans="2:7" x14ac:dyDescent="0.2">
      <c r="B39" s="29"/>
      <c r="C39" s="7"/>
      <c r="D39" s="23">
        <v>100</v>
      </c>
      <c r="E39" s="24">
        <v>40.5</v>
      </c>
      <c r="F39" s="25">
        <v>54.3</v>
      </c>
      <c r="G39" s="26">
        <v>5.2</v>
      </c>
    </row>
    <row r="40" spans="2:7" x14ac:dyDescent="0.2">
      <c r="B40" s="29"/>
      <c r="C40" s="2" t="s">
        <v>81</v>
      </c>
      <c r="D40" s="19">
        <v>200</v>
      </c>
      <c r="E40" s="20">
        <v>58</v>
      </c>
      <c r="F40" s="21">
        <v>136</v>
      </c>
      <c r="G40" s="22">
        <v>6</v>
      </c>
    </row>
    <row r="41" spans="2:7" x14ac:dyDescent="0.2">
      <c r="B41" s="29"/>
      <c r="C41" s="7"/>
      <c r="D41" s="23">
        <v>100</v>
      </c>
      <c r="E41" s="24">
        <v>29</v>
      </c>
      <c r="F41" s="25">
        <v>68</v>
      </c>
      <c r="G41" s="26">
        <v>3</v>
      </c>
    </row>
    <row r="42" spans="2:7" x14ac:dyDescent="0.2">
      <c r="B42" s="29"/>
      <c r="C42" s="2" t="s">
        <v>83</v>
      </c>
      <c r="D42" s="19">
        <v>289</v>
      </c>
      <c r="E42" s="20">
        <v>81</v>
      </c>
      <c r="F42" s="21">
        <v>199</v>
      </c>
      <c r="G42" s="22">
        <v>9</v>
      </c>
    </row>
    <row r="43" spans="2:7" x14ac:dyDescent="0.2">
      <c r="B43" s="29"/>
      <c r="C43" s="7"/>
      <c r="D43" s="23">
        <v>100</v>
      </c>
      <c r="E43" s="24">
        <v>28</v>
      </c>
      <c r="F43" s="25">
        <v>68.900000000000006</v>
      </c>
      <c r="G43" s="26">
        <v>3.1</v>
      </c>
    </row>
    <row r="44" spans="2:7" x14ac:dyDescent="0.2">
      <c r="B44" s="29"/>
      <c r="C44" s="2" t="s">
        <v>85</v>
      </c>
      <c r="D44" s="19">
        <v>247</v>
      </c>
      <c r="E44" s="20">
        <v>47</v>
      </c>
      <c r="F44" s="21">
        <v>193</v>
      </c>
      <c r="G44" s="22">
        <v>7</v>
      </c>
    </row>
    <row r="45" spans="2:7" x14ac:dyDescent="0.2">
      <c r="B45" s="29"/>
      <c r="C45" s="7"/>
      <c r="D45" s="23">
        <v>100</v>
      </c>
      <c r="E45" s="24">
        <v>19</v>
      </c>
      <c r="F45" s="25">
        <v>78.099999999999994</v>
      </c>
      <c r="G45" s="26">
        <v>2.8</v>
      </c>
    </row>
    <row r="46" spans="2:7" x14ac:dyDescent="0.2">
      <c r="B46" s="29"/>
      <c r="C46" s="2" t="s">
        <v>87</v>
      </c>
      <c r="D46" s="19">
        <v>125</v>
      </c>
      <c r="E46" s="20">
        <v>33</v>
      </c>
      <c r="F46" s="21">
        <v>80</v>
      </c>
      <c r="G46" s="22">
        <v>12</v>
      </c>
    </row>
    <row r="47" spans="2:7" x14ac:dyDescent="0.2">
      <c r="B47" s="29"/>
      <c r="C47" s="7"/>
      <c r="D47" s="23">
        <v>100</v>
      </c>
      <c r="E47" s="24">
        <v>26.4</v>
      </c>
      <c r="F47" s="25">
        <v>64</v>
      </c>
      <c r="G47" s="26">
        <v>9.6</v>
      </c>
    </row>
    <row r="48" spans="2:7" x14ac:dyDescent="0.2">
      <c r="B48" s="29"/>
      <c r="C48" s="2" t="s">
        <v>89</v>
      </c>
      <c r="D48" s="19">
        <v>150</v>
      </c>
      <c r="E48" s="20">
        <v>30</v>
      </c>
      <c r="F48" s="21">
        <v>103</v>
      </c>
      <c r="G48" s="22">
        <v>17</v>
      </c>
    </row>
    <row r="49" spans="2:7" x14ac:dyDescent="0.2">
      <c r="B49" s="29"/>
      <c r="C49" s="7"/>
      <c r="D49" s="23">
        <v>100</v>
      </c>
      <c r="E49" s="24">
        <v>20</v>
      </c>
      <c r="F49" s="25">
        <v>68.7</v>
      </c>
      <c r="G49" s="26">
        <v>11.3</v>
      </c>
    </row>
    <row r="50" spans="2:7" x14ac:dyDescent="0.2">
      <c r="B50" s="29"/>
      <c r="C50" s="2" t="s">
        <v>91</v>
      </c>
      <c r="D50" s="19">
        <v>60</v>
      </c>
      <c r="E50" s="20">
        <v>11</v>
      </c>
      <c r="F50" s="21">
        <v>41</v>
      </c>
      <c r="G50" s="22">
        <v>8</v>
      </c>
    </row>
    <row r="51" spans="2:7" x14ac:dyDescent="0.2">
      <c r="B51" s="29"/>
      <c r="C51" s="10"/>
      <c r="D51" s="23">
        <v>100</v>
      </c>
      <c r="E51" s="24">
        <v>18.3</v>
      </c>
      <c r="F51" s="25">
        <v>68.3</v>
      </c>
      <c r="G51" s="26">
        <v>13.3</v>
      </c>
    </row>
    <row r="52" spans="2:7" x14ac:dyDescent="0.2">
      <c r="B52" s="28" t="s">
        <v>33</v>
      </c>
      <c r="C52" s="9" t="s">
        <v>12</v>
      </c>
      <c r="D52" s="11">
        <v>1241</v>
      </c>
      <c r="E52" s="12">
        <v>328</v>
      </c>
      <c r="F52" s="13">
        <v>848</v>
      </c>
      <c r="G52" s="14">
        <v>65</v>
      </c>
    </row>
    <row r="53" spans="2:7" x14ac:dyDescent="0.2">
      <c r="B53" s="29"/>
      <c r="C53" s="8"/>
      <c r="D53" s="15">
        <v>100</v>
      </c>
      <c r="E53" s="16">
        <v>26.4</v>
      </c>
      <c r="F53" s="17">
        <v>68.3</v>
      </c>
      <c r="G53" s="18">
        <v>5.2</v>
      </c>
    </row>
    <row r="54" spans="2:7" x14ac:dyDescent="0.2">
      <c r="B54" s="29"/>
      <c r="C54" s="2" t="s">
        <v>57</v>
      </c>
      <c r="D54" s="19">
        <v>2</v>
      </c>
      <c r="E54" s="20">
        <v>2</v>
      </c>
      <c r="F54" s="21" t="s">
        <v>152</v>
      </c>
      <c r="G54" s="22" t="s">
        <v>152</v>
      </c>
    </row>
    <row r="55" spans="2:7" x14ac:dyDescent="0.2">
      <c r="B55" s="29"/>
      <c r="C55" s="7"/>
      <c r="D55" s="23">
        <v>100</v>
      </c>
      <c r="E55" s="24">
        <v>100</v>
      </c>
      <c r="F55" s="25" t="s">
        <v>152</v>
      </c>
      <c r="G55" s="26" t="s">
        <v>152</v>
      </c>
    </row>
    <row r="56" spans="2:7" x14ac:dyDescent="0.2">
      <c r="B56" s="29"/>
      <c r="C56" s="2" t="s">
        <v>63</v>
      </c>
      <c r="D56" s="19">
        <v>20</v>
      </c>
      <c r="E56" s="20">
        <v>10</v>
      </c>
      <c r="F56" s="21">
        <v>10</v>
      </c>
      <c r="G56" s="22" t="s">
        <v>152</v>
      </c>
    </row>
    <row r="57" spans="2:7" x14ac:dyDescent="0.2">
      <c r="B57" s="29"/>
      <c r="C57" s="7"/>
      <c r="D57" s="23">
        <v>100</v>
      </c>
      <c r="E57" s="24">
        <v>50</v>
      </c>
      <c r="F57" s="25">
        <v>50</v>
      </c>
      <c r="G57" s="26" t="s">
        <v>152</v>
      </c>
    </row>
    <row r="58" spans="2:7" x14ac:dyDescent="0.2">
      <c r="B58" s="29"/>
      <c r="C58" s="2" t="s">
        <v>148</v>
      </c>
      <c r="D58" s="19">
        <v>22</v>
      </c>
      <c r="E58" s="20">
        <v>12</v>
      </c>
      <c r="F58" s="21">
        <v>10</v>
      </c>
      <c r="G58" s="22" t="s">
        <v>152</v>
      </c>
    </row>
    <row r="59" spans="2:7" x14ac:dyDescent="0.2">
      <c r="B59" s="29"/>
      <c r="C59" s="7"/>
      <c r="D59" s="23">
        <v>100</v>
      </c>
      <c r="E59" s="24">
        <v>54.54545454545454</v>
      </c>
      <c r="F59" s="25">
        <v>45.454545454545453</v>
      </c>
      <c r="G59" s="26" t="s">
        <v>152</v>
      </c>
    </row>
    <row r="60" spans="2:7" x14ac:dyDescent="0.2">
      <c r="B60" s="29"/>
      <c r="C60" s="2" t="s">
        <v>64</v>
      </c>
      <c r="D60" s="19">
        <v>51</v>
      </c>
      <c r="E60" s="20">
        <v>28</v>
      </c>
      <c r="F60" s="21">
        <v>23</v>
      </c>
      <c r="G60" s="22" t="s">
        <v>152</v>
      </c>
    </row>
    <row r="61" spans="2:7" x14ac:dyDescent="0.2">
      <c r="B61" s="29"/>
      <c r="C61" s="7"/>
      <c r="D61" s="23">
        <v>100</v>
      </c>
      <c r="E61" s="24">
        <v>54.9</v>
      </c>
      <c r="F61" s="25">
        <v>45.1</v>
      </c>
      <c r="G61" s="26" t="s">
        <v>152</v>
      </c>
    </row>
    <row r="62" spans="2:7" x14ac:dyDescent="0.2">
      <c r="B62" s="29"/>
      <c r="C62" s="2" t="s">
        <v>65</v>
      </c>
      <c r="D62" s="19">
        <v>88</v>
      </c>
      <c r="E62" s="20">
        <v>28</v>
      </c>
      <c r="F62" s="21">
        <v>58</v>
      </c>
      <c r="G62" s="22">
        <v>2</v>
      </c>
    </row>
    <row r="63" spans="2:7" x14ac:dyDescent="0.2">
      <c r="B63" s="29"/>
      <c r="C63" s="7"/>
      <c r="D63" s="23">
        <v>100</v>
      </c>
      <c r="E63" s="24">
        <v>31.8</v>
      </c>
      <c r="F63" s="25">
        <v>65.900000000000006</v>
      </c>
      <c r="G63" s="26">
        <v>2.2999999999999998</v>
      </c>
    </row>
    <row r="64" spans="2:7" x14ac:dyDescent="0.2">
      <c r="B64" s="29"/>
      <c r="C64" s="2" t="s">
        <v>66</v>
      </c>
      <c r="D64" s="19">
        <v>146</v>
      </c>
      <c r="E64" s="20">
        <v>47</v>
      </c>
      <c r="F64" s="21">
        <v>94</v>
      </c>
      <c r="G64" s="22">
        <v>5</v>
      </c>
    </row>
    <row r="65" spans="2:7" x14ac:dyDescent="0.2">
      <c r="B65" s="29"/>
      <c r="C65" s="7"/>
      <c r="D65" s="23">
        <v>100</v>
      </c>
      <c r="E65" s="24">
        <v>32.200000000000003</v>
      </c>
      <c r="F65" s="25">
        <v>64.400000000000006</v>
      </c>
      <c r="G65" s="26">
        <v>3.4</v>
      </c>
    </row>
    <row r="66" spans="2:7" x14ac:dyDescent="0.2">
      <c r="B66" s="29"/>
      <c r="C66" s="2" t="s">
        <v>67</v>
      </c>
      <c r="D66" s="19">
        <v>133</v>
      </c>
      <c r="E66" s="20">
        <v>32</v>
      </c>
      <c r="F66" s="21">
        <v>98</v>
      </c>
      <c r="G66" s="22">
        <v>3</v>
      </c>
    </row>
    <row r="67" spans="2:7" x14ac:dyDescent="0.2">
      <c r="B67" s="29"/>
      <c r="C67" s="7"/>
      <c r="D67" s="23">
        <v>100</v>
      </c>
      <c r="E67" s="24">
        <v>24.1</v>
      </c>
      <c r="F67" s="25">
        <v>73.7</v>
      </c>
      <c r="G67" s="26">
        <v>2.2999999999999998</v>
      </c>
    </row>
    <row r="68" spans="2:7" x14ac:dyDescent="0.2">
      <c r="B68" s="29"/>
      <c r="C68" s="2" t="s">
        <v>58</v>
      </c>
      <c r="D68" s="19">
        <v>57</v>
      </c>
      <c r="E68" s="20">
        <v>16</v>
      </c>
      <c r="F68" s="21">
        <v>37</v>
      </c>
      <c r="G68" s="22">
        <v>4</v>
      </c>
    </row>
    <row r="69" spans="2:7" x14ac:dyDescent="0.2">
      <c r="B69" s="29"/>
      <c r="C69" s="7"/>
      <c r="D69" s="23">
        <v>100</v>
      </c>
      <c r="E69" s="24">
        <v>28.1</v>
      </c>
      <c r="F69" s="25">
        <v>64.900000000000006</v>
      </c>
      <c r="G69" s="26">
        <v>7</v>
      </c>
    </row>
    <row r="70" spans="2:7" x14ac:dyDescent="0.2">
      <c r="B70" s="29"/>
      <c r="C70" s="2" t="s">
        <v>68</v>
      </c>
      <c r="D70" s="19">
        <v>65</v>
      </c>
      <c r="E70" s="20">
        <v>16</v>
      </c>
      <c r="F70" s="21">
        <v>46</v>
      </c>
      <c r="G70" s="22">
        <v>3</v>
      </c>
    </row>
    <row r="71" spans="2:7" x14ac:dyDescent="0.2">
      <c r="B71" s="29"/>
      <c r="C71" s="7"/>
      <c r="D71" s="23">
        <v>100</v>
      </c>
      <c r="E71" s="24">
        <v>24.6</v>
      </c>
      <c r="F71" s="25">
        <v>70.8</v>
      </c>
      <c r="G71" s="26">
        <v>4.5999999999999996</v>
      </c>
    </row>
    <row r="72" spans="2:7" x14ac:dyDescent="0.2">
      <c r="B72" s="29"/>
      <c r="C72" s="2" t="s">
        <v>59</v>
      </c>
      <c r="D72" s="19">
        <v>1</v>
      </c>
      <c r="E72" s="20" t="s">
        <v>152</v>
      </c>
      <c r="F72" s="21">
        <v>1</v>
      </c>
      <c r="G72" s="22" t="s">
        <v>152</v>
      </c>
    </row>
    <row r="73" spans="2:7" x14ac:dyDescent="0.2">
      <c r="B73" s="29"/>
      <c r="C73" s="7"/>
      <c r="D73" s="23">
        <v>100</v>
      </c>
      <c r="E73" s="24" t="s">
        <v>152</v>
      </c>
      <c r="F73" s="25">
        <v>100</v>
      </c>
      <c r="G73" s="26" t="s">
        <v>152</v>
      </c>
    </row>
    <row r="74" spans="2:7" x14ac:dyDescent="0.2">
      <c r="B74" s="29"/>
      <c r="C74" s="2" t="s">
        <v>69</v>
      </c>
      <c r="D74" s="19">
        <v>29</v>
      </c>
      <c r="E74" s="20">
        <v>9</v>
      </c>
      <c r="F74" s="21">
        <v>20</v>
      </c>
      <c r="G74" s="22" t="s">
        <v>152</v>
      </c>
    </row>
    <row r="75" spans="2:7" x14ac:dyDescent="0.2">
      <c r="B75" s="29"/>
      <c r="C75" s="7"/>
      <c r="D75" s="23">
        <v>100</v>
      </c>
      <c r="E75" s="24">
        <v>31</v>
      </c>
      <c r="F75" s="25">
        <v>69</v>
      </c>
      <c r="G75" s="26" t="s">
        <v>152</v>
      </c>
    </row>
    <row r="76" spans="2:7" x14ac:dyDescent="0.2">
      <c r="B76" s="29"/>
      <c r="C76" s="2" t="s">
        <v>149</v>
      </c>
      <c r="D76" s="19">
        <v>30</v>
      </c>
      <c r="E76" s="20">
        <v>9</v>
      </c>
      <c r="F76" s="21">
        <v>21</v>
      </c>
      <c r="G76" s="22" t="s">
        <v>152</v>
      </c>
    </row>
    <row r="77" spans="2:7" x14ac:dyDescent="0.2">
      <c r="B77" s="29"/>
      <c r="C77" s="7"/>
      <c r="D77" s="23">
        <v>100</v>
      </c>
      <c r="E77" s="24">
        <v>30</v>
      </c>
      <c r="F77" s="25">
        <v>70</v>
      </c>
      <c r="G77" s="26" t="s">
        <v>152</v>
      </c>
    </row>
    <row r="78" spans="2:7" x14ac:dyDescent="0.2">
      <c r="B78" s="29"/>
      <c r="C78" s="2" t="s">
        <v>70</v>
      </c>
      <c r="D78" s="19">
        <v>64</v>
      </c>
      <c r="E78" s="20">
        <v>19</v>
      </c>
      <c r="F78" s="21">
        <v>39</v>
      </c>
      <c r="G78" s="22">
        <v>6</v>
      </c>
    </row>
    <row r="79" spans="2:7" x14ac:dyDescent="0.2">
      <c r="B79" s="29"/>
      <c r="C79" s="7"/>
      <c r="D79" s="23">
        <v>100</v>
      </c>
      <c r="E79" s="24">
        <v>29.7</v>
      </c>
      <c r="F79" s="25">
        <v>60.9</v>
      </c>
      <c r="G79" s="26">
        <v>9.4</v>
      </c>
    </row>
    <row r="80" spans="2:7" x14ac:dyDescent="0.2">
      <c r="B80" s="29"/>
      <c r="C80" s="2" t="s">
        <v>71</v>
      </c>
      <c r="D80" s="19">
        <v>112</v>
      </c>
      <c r="E80" s="20">
        <v>30</v>
      </c>
      <c r="F80" s="21">
        <v>78</v>
      </c>
      <c r="G80" s="22">
        <v>4</v>
      </c>
    </row>
    <row r="81" spans="2:7" x14ac:dyDescent="0.2">
      <c r="B81" s="29"/>
      <c r="C81" s="7"/>
      <c r="D81" s="23">
        <v>100</v>
      </c>
      <c r="E81" s="24">
        <v>26.8</v>
      </c>
      <c r="F81" s="25">
        <v>69.599999999999994</v>
      </c>
      <c r="G81" s="26">
        <v>3.6</v>
      </c>
    </row>
    <row r="82" spans="2:7" x14ac:dyDescent="0.2">
      <c r="B82" s="29"/>
      <c r="C82" s="2" t="s">
        <v>72</v>
      </c>
      <c r="D82" s="19">
        <v>137</v>
      </c>
      <c r="E82" s="20">
        <v>32</v>
      </c>
      <c r="F82" s="21">
        <v>101</v>
      </c>
      <c r="G82" s="22">
        <v>4</v>
      </c>
    </row>
    <row r="83" spans="2:7" x14ac:dyDescent="0.2">
      <c r="B83" s="29"/>
      <c r="C83" s="7"/>
      <c r="D83" s="23">
        <v>100</v>
      </c>
      <c r="E83" s="24">
        <v>23.4</v>
      </c>
      <c r="F83" s="25">
        <v>73.7</v>
      </c>
      <c r="G83" s="26">
        <v>2.9</v>
      </c>
    </row>
    <row r="84" spans="2:7" x14ac:dyDescent="0.2">
      <c r="B84" s="29"/>
      <c r="C84" s="2" t="s">
        <v>73</v>
      </c>
      <c r="D84" s="19">
        <v>112</v>
      </c>
      <c r="E84" s="20">
        <v>15</v>
      </c>
      <c r="F84" s="21">
        <v>93</v>
      </c>
      <c r="G84" s="22">
        <v>4</v>
      </c>
    </row>
    <row r="85" spans="2:7" x14ac:dyDescent="0.2">
      <c r="B85" s="29"/>
      <c r="C85" s="7"/>
      <c r="D85" s="23">
        <v>100</v>
      </c>
      <c r="E85" s="24">
        <v>13.4</v>
      </c>
      <c r="F85" s="25">
        <v>83</v>
      </c>
      <c r="G85" s="26">
        <v>3.6</v>
      </c>
    </row>
    <row r="86" spans="2:7" x14ac:dyDescent="0.2">
      <c r="B86" s="29"/>
      <c r="C86" s="2" t="s">
        <v>60</v>
      </c>
      <c r="D86" s="19">
        <v>66</v>
      </c>
      <c r="E86" s="20">
        <v>17</v>
      </c>
      <c r="F86" s="21">
        <v>41</v>
      </c>
      <c r="G86" s="22">
        <v>8</v>
      </c>
    </row>
    <row r="87" spans="2:7" x14ac:dyDescent="0.2">
      <c r="B87" s="29"/>
      <c r="C87" s="7"/>
      <c r="D87" s="23">
        <v>100</v>
      </c>
      <c r="E87" s="24">
        <v>25.8</v>
      </c>
      <c r="F87" s="25">
        <v>62.1</v>
      </c>
      <c r="G87" s="26">
        <v>12.1</v>
      </c>
    </row>
    <row r="88" spans="2:7" x14ac:dyDescent="0.2">
      <c r="B88" s="29"/>
      <c r="C88" s="2" t="s">
        <v>74</v>
      </c>
      <c r="D88" s="19">
        <v>83</v>
      </c>
      <c r="E88" s="20">
        <v>14</v>
      </c>
      <c r="F88" s="21">
        <v>55</v>
      </c>
      <c r="G88" s="22">
        <v>14</v>
      </c>
    </row>
    <row r="89" spans="2:7" x14ac:dyDescent="0.2">
      <c r="B89" s="29"/>
      <c r="C89" s="7"/>
      <c r="D89" s="23">
        <v>100</v>
      </c>
      <c r="E89" s="24">
        <v>16.899999999999999</v>
      </c>
      <c r="F89" s="25">
        <v>66.3</v>
      </c>
      <c r="G89" s="26">
        <v>16.899999999999999</v>
      </c>
    </row>
    <row r="90" spans="2:7" x14ac:dyDescent="0.2">
      <c r="B90" s="29"/>
      <c r="C90" s="2" t="s">
        <v>0</v>
      </c>
      <c r="D90" s="19">
        <v>75</v>
      </c>
      <c r="E90" s="20">
        <v>13</v>
      </c>
      <c r="F90" s="21">
        <v>54</v>
      </c>
      <c r="G90" s="22">
        <v>8</v>
      </c>
    </row>
    <row r="91" spans="2:7" x14ac:dyDescent="0.2">
      <c r="B91" s="29"/>
      <c r="C91" s="7"/>
      <c r="D91" s="23">
        <v>100</v>
      </c>
      <c r="E91" s="24">
        <v>17.3</v>
      </c>
      <c r="F91" s="25">
        <v>72</v>
      </c>
      <c r="G91" s="26">
        <v>10.7</v>
      </c>
    </row>
    <row r="92" spans="2:7" x14ac:dyDescent="0.2">
      <c r="B92" s="28" t="s">
        <v>32</v>
      </c>
      <c r="C92" s="9" t="s">
        <v>12</v>
      </c>
      <c r="D92" s="11">
        <v>1241</v>
      </c>
      <c r="E92" s="12">
        <v>328</v>
      </c>
      <c r="F92" s="13">
        <v>848</v>
      </c>
      <c r="G92" s="14">
        <v>65</v>
      </c>
    </row>
    <row r="93" spans="2:7" x14ac:dyDescent="0.2">
      <c r="B93" s="29"/>
      <c r="C93" s="8"/>
      <c r="D93" s="15">
        <v>100</v>
      </c>
      <c r="E93" s="16">
        <v>26.4</v>
      </c>
      <c r="F93" s="17">
        <v>68.3</v>
      </c>
      <c r="G93" s="18">
        <v>5.2</v>
      </c>
    </row>
    <row r="94" spans="2:7" x14ac:dyDescent="0.2">
      <c r="B94" s="29"/>
      <c r="C94" s="2" t="s">
        <v>21</v>
      </c>
      <c r="D94" s="19">
        <v>65</v>
      </c>
      <c r="E94" s="20">
        <v>11</v>
      </c>
      <c r="F94" s="21">
        <v>51</v>
      </c>
      <c r="G94" s="22">
        <v>3</v>
      </c>
    </row>
    <row r="95" spans="2:7" x14ac:dyDescent="0.2">
      <c r="B95" s="29"/>
      <c r="C95" s="7"/>
      <c r="D95" s="23">
        <v>100</v>
      </c>
      <c r="E95" s="24">
        <v>16.899999999999999</v>
      </c>
      <c r="F95" s="25">
        <v>78.5</v>
      </c>
      <c r="G95" s="26">
        <v>4.5999999999999996</v>
      </c>
    </row>
    <row r="96" spans="2:7" x14ac:dyDescent="0.2">
      <c r="B96" s="29"/>
      <c r="C96" s="2" t="s">
        <v>20</v>
      </c>
      <c r="D96" s="19">
        <v>7</v>
      </c>
      <c r="E96" s="20">
        <v>6</v>
      </c>
      <c r="F96" s="21">
        <v>1</v>
      </c>
      <c r="G96" s="22" t="s">
        <v>152</v>
      </c>
    </row>
    <row r="97" spans="2:7" x14ac:dyDescent="0.2">
      <c r="B97" s="29"/>
      <c r="C97" s="7"/>
      <c r="D97" s="23">
        <v>100</v>
      </c>
      <c r="E97" s="24">
        <v>85.7</v>
      </c>
      <c r="F97" s="25">
        <v>14.3</v>
      </c>
      <c r="G97" s="26" t="s">
        <v>152</v>
      </c>
    </row>
    <row r="98" spans="2:7" x14ac:dyDescent="0.2">
      <c r="B98" s="29"/>
      <c r="C98" s="2" t="s">
        <v>19</v>
      </c>
      <c r="D98" s="19">
        <v>484</v>
      </c>
      <c r="E98" s="20">
        <v>155</v>
      </c>
      <c r="F98" s="21">
        <v>317</v>
      </c>
      <c r="G98" s="22">
        <v>12</v>
      </c>
    </row>
    <row r="99" spans="2:7" x14ac:dyDescent="0.2">
      <c r="B99" s="29"/>
      <c r="C99" s="7"/>
      <c r="D99" s="23">
        <v>100</v>
      </c>
      <c r="E99" s="24">
        <v>32</v>
      </c>
      <c r="F99" s="25">
        <v>65.5</v>
      </c>
      <c r="G99" s="26">
        <v>2.5</v>
      </c>
    </row>
    <row r="100" spans="2:7" x14ac:dyDescent="0.2">
      <c r="B100" s="29"/>
      <c r="C100" s="2" t="s">
        <v>18</v>
      </c>
      <c r="D100" s="19">
        <v>195</v>
      </c>
      <c r="E100" s="20">
        <v>39</v>
      </c>
      <c r="F100" s="21">
        <v>146</v>
      </c>
      <c r="G100" s="22">
        <v>10</v>
      </c>
    </row>
    <row r="101" spans="2:7" x14ac:dyDescent="0.2">
      <c r="B101" s="29"/>
      <c r="C101" s="7"/>
      <c r="D101" s="23">
        <v>100</v>
      </c>
      <c r="E101" s="24">
        <v>20</v>
      </c>
      <c r="F101" s="25">
        <v>74.900000000000006</v>
      </c>
      <c r="G101" s="26">
        <v>5.0999999999999996</v>
      </c>
    </row>
    <row r="102" spans="2:7" x14ac:dyDescent="0.2">
      <c r="B102" s="29"/>
      <c r="C102" s="2" t="s">
        <v>17</v>
      </c>
      <c r="D102" s="19">
        <v>1</v>
      </c>
      <c r="E102" s="20" t="s">
        <v>152</v>
      </c>
      <c r="F102" s="21">
        <v>1</v>
      </c>
      <c r="G102" s="22" t="s">
        <v>152</v>
      </c>
    </row>
    <row r="103" spans="2:7" x14ac:dyDescent="0.2">
      <c r="B103" s="29"/>
      <c r="C103" s="7"/>
      <c r="D103" s="23">
        <v>100</v>
      </c>
      <c r="E103" s="24" t="s">
        <v>152</v>
      </c>
      <c r="F103" s="25">
        <v>100</v>
      </c>
      <c r="G103" s="26" t="s">
        <v>152</v>
      </c>
    </row>
    <row r="104" spans="2:7" x14ac:dyDescent="0.2">
      <c r="B104" s="29"/>
      <c r="C104" s="2" t="s">
        <v>151</v>
      </c>
      <c r="D104" s="19">
        <v>178</v>
      </c>
      <c r="E104" s="20">
        <v>46</v>
      </c>
      <c r="F104" s="21">
        <v>119</v>
      </c>
      <c r="G104" s="22">
        <v>13</v>
      </c>
    </row>
    <row r="105" spans="2:7" x14ac:dyDescent="0.2">
      <c r="B105" s="29"/>
      <c r="C105" s="7"/>
      <c r="D105" s="23">
        <v>100</v>
      </c>
      <c r="E105" s="24">
        <v>25.8</v>
      </c>
      <c r="F105" s="25">
        <v>66.900000000000006</v>
      </c>
      <c r="G105" s="26">
        <v>7.3</v>
      </c>
    </row>
    <row r="106" spans="2:7" x14ac:dyDescent="0.2">
      <c r="B106" s="29"/>
      <c r="C106" s="2" t="s">
        <v>16</v>
      </c>
      <c r="D106" s="19">
        <v>10</v>
      </c>
      <c r="E106" s="20">
        <v>5</v>
      </c>
      <c r="F106" s="21">
        <v>5</v>
      </c>
      <c r="G106" s="22" t="s">
        <v>152</v>
      </c>
    </row>
    <row r="107" spans="2:7" x14ac:dyDescent="0.2">
      <c r="B107" s="29"/>
      <c r="C107" s="7"/>
      <c r="D107" s="23">
        <v>100</v>
      </c>
      <c r="E107" s="24">
        <v>50</v>
      </c>
      <c r="F107" s="25">
        <v>50</v>
      </c>
      <c r="G107" s="26" t="s">
        <v>152</v>
      </c>
    </row>
    <row r="108" spans="2:7" x14ac:dyDescent="0.2">
      <c r="B108" s="29"/>
      <c r="C108" s="2" t="s">
        <v>15</v>
      </c>
      <c r="D108" s="19">
        <v>211</v>
      </c>
      <c r="E108" s="20">
        <v>47</v>
      </c>
      <c r="F108" s="21">
        <v>147</v>
      </c>
      <c r="G108" s="22">
        <v>17</v>
      </c>
    </row>
    <row r="109" spans="2:7" x14ac:dyDescent="0.2">
      <c r="B109" s="29"/>
      <c r="C109" s="7"/>
      <c r="D109" s="23">
        <v>100</v>
      </c>
      <c r="E109" s="24">
        <v>22.3</v>
      </c>
      <c r="F109" s="25">
        <v>69.7</v>
      </c>
      <c r="G109" s="26">
        <v>8.1</v>
      </c>
    </row>
    <row r="110" spans="2:7" x14ac:dyDescent="0.2">
      <c r="B110" s="29"/>
      <c r="C110" s="2" t="s">
        <v>14</v>
      </c>
      <c r="D110" s="19">
        <v>12</v>
      </c>
      <c r="E110" s="20">
        <v>4</v>
      </c>
      <c r="F110" s="21">
        <v>8</v>
      </c>
      <c r="G110" s="22" t="s">
        <v>152</v>
      </c>
    </row>
    <row r="111" spans="2:7" x14ac:dyDescent="0.2">
      <c r="B111" s="29"/>
      <c r="C111" s="7"/>
      <c r="D111" s="23">
        <v>100</v>
      </c>
      <c r="E111" s="24">
        <v>33.299999999999997</v>
      </c>
      <c r="F111" s="25">
        <v>66.7</v>
      </c>
      <c r="G111" s="26" t="s">
        <v>152</v>
      </c>
    </row>
    <row r="112" spans="2:7" x14ac:dyDescent="0.2">
      <c r="B112" s="29"/>
      <c r="C112" s="2" t="s">
        <v>13</v>
      </c>
      <c r="D112" s="19">
        <v>78</v>
      </c>
      <c r="E112" s="20">
        <v>15</v>
      </c>
      <c r="F112" s="21">
        <v>53</v>
      </c>
      <c r="G112" s="22">
        <v>10</v>
      </c>
    </row>
    <row r="113" spans="2:7" x14ac:dyDescent="0.2">
      <c r="B113" s="30"/>
      <c r="C113" s="10"/>
      <c r="D113" s="15">
        <v>100</v>
      </c>
      <c r="E113" s="16">
        <v>19.2</v>
      </c>
      <c r="F113" s="17">
        <v>67.900000000000006</v>
      </c>
      <c r="G113" s="18">
        <v>12.8</v>
      </c>
    </row>
    <row r="114" spans="2:7" x14ac:dyDescent="0.2">
      <c r="B114" s="28" t="s">
        <v>31</v>
      </c>
      <c r="C114" s="9" t="s">
        <v>12</v>
      </c>
      <c r="D114" s="11">
        <v>752</v>
      </c>
      <c r="E114" s="12">
        <v>211</v>
      </c>
      <c r="F114" s="13">
        <v>516</v>
      </c>
      <c r="G114" s="14">
        <v>25</v>
      </c>
    </row>
    <row r="115" spans="2:7" x14ac:dyDescent="0.2">
      <c r="B115" s="29"/>
      <c r="C115" s="8"/>
      <c r="D115" s="15">
        <v>100</v>
      </c>
      <c r="E115" s="16">
        <v>28.1</v>
      </c>
      <c r="F115" s="17">
        <v>68.599999999999994</v>
      </c>
      <c r="G115" s="18">
        <v>3.3</v>
      </c>
    </row>
    <row r="116" spans="2:7" x14ac:dyDescent="0.2">
      <c r="B116" s="29"/>
      <c r="C116" s="2" t="s">
        <v>11</v>
      </c>
      <c r="D116" s="19">
        <v>2</v>
      </c>
      <c r="E116" s="20">
        <v>1</v>
      </c>
      <c r="F116" s="21" t="s">
        <v>152</v>
      </c>
      <c r="G116" s="22">
        <v>1</v>
      </c>
    </row>
    <row r="117" spans="2:7" x14ac:dyDescent="0.2">
      <c r="B117" s="29"/>
      <c r="C117" s="7"/>
      <c r="D117" s="23">
        <v>100</v>
      </c>
      <c r="E117" s="24">
        <v>50</v>
      </c>
      <c r="F117" s="25" t="s">
        <v>152</v>
      </c>
      <c r="G117" s="26">
        <v>50</v>
      </c>
    </row>
    <row r="118" spans="2:7" x14ac:dyDescent="0.2">
      <c r="B118" s="29"/>
      <c r="C118" s="2" t="s">
        <v>10</v>
      </c>
      <c r="D118" s="19">
        <v>32</v>
      </c>
      <c r="E118" s="20">
        <v>7</v>
      </c>
      <c r="F118" s="21">
        <v>24</v>
      </c>
      <c r="G118" s="22">
        <v>1</v>
      </c>
    </row>
    <row r="119" spans="2:7" x14ac:dyDescent="0.2">
      <c r="B119" s="29"/>
      <c r="C119" s="7"/>
      <c r="D119" s="23">
        <v>100</v>
      </c>
      <c r="E119" s="24">
        <v>21.9</v>
      </c>
      <c r="F119" s="25">
        <v>75</v>
      </c>
      <c r="G119" s="26">
        <v>3.1</v>
      </c>
    </row>
    <row r="120" spans="2:7" x14ac:dyDescent="0.2">
      <c r="B120" s="29"/>
      <c r="C120" s="2" t="s">
        <v>9</v>
      </c>
      <c r="D120" s="19">
        <v>33</v>
      </c>
      <c r="E120" s="20">
        <v>6</v>
      </c>
      <c r="F120" s="21">
        <v>26</v>
      </c>
      <c r="G120" s="22">
        <v>1</v>
      </c>
    </row>
    <row r="121" spans="2:7" x14ac:dyDescent="0.2">
      <c r="B121" s="29"/>
      <c r="C121" s="7"/>
      <c r="D121" s="23">
        <v>100</v>
      </c>
      <c r="E121" s="24">
        <v>18.2</v>
      </c>
      <c r="F121" s="25">
        <v>78.8</v>
      </c>
      <c r="G121" s="26">
        <v>3</v>
      </c>
    </row>
    <row r="122" spans="2:7" x14ac:dyDescent="0.2">
      <c r="B122" s="29"/>
      <c r="C122" s="2" t="s">
        <v>8</v>
      </c>
      <c r="D122" s="19">
        <v>71</v>
      </c>
      <c r="E122" s="20">
        <v>23</v>
      </c>
      <c r="F122" s="21">
        <v>47</v>
      </c>
      <c r="G122" s="22">
        <v>1</v>
      </c>
    </row>
    <row r="123" spans="2:7" x14ac:dyDescent="0.2">
      <c r="B123" s="29"/>
      <c r="C123" s="7"/>
      <c r="D123" s="23">
        <v>100</v>
      </c>
      <c r="E123" s="24">
        <v>32.4</v>
      </c>
      <c r="F123" s="25">
        <v>66.2</v>
      </c>
      <c r="G123" s="26">
        <v>1.4</v>
      </c>
    </row>
    <row r="124" spans="2:7" x14ac:dyDescent="0.2">
      <c r="B124" s="29"/>
      <c r="C124" s="2" t="s">
        <v>7</v>
      </c>
      <c r="D124" s="19">
        <v>152</v>
      </c>
      <c r="E124" s="20">
        <v>43</v>
      </c>
      <c r="F124" s="21">
        <v>104</v>
      </c>
      <c r="G124" s="22">
        <v>5</v>
      </c>
    </row>
    <row r="125" spans="2:7" x14ac:dyDescent="0.2">
      <c r="B125" s="29"/>
      <c r="C125" s="7"/>
      <c r="D125" s="23">
        <v>100</v>
      </c>
      <c r="E125" s="24">
        <v>28.3</v>
      </c>
      <c r="F125" s="25">
        <v>68.400000000000006</v>
      </c>
      <c r="G125" s="26">
        <v>3.3</v>
      </c>
    </row>
    <row r="126" spans="2:7" x14ac:dyDescent="0.2">
      <c r="B126" s="29"/>
      <c r="C126" s="2" t="s">
        <v>6</v>
      </c>
      <c r="D126" s="19">
        <v>176</v>
      </c>
      <c r="E126" s="20">
        <v>53</v>
      </c>
      <c r="F126" s="21">
        <v>119</v>
      </c>
      <c r="G126" s="22">
        <v>4</v>
      </c>
    </row>
    <row r="127" spans="2:7" x14ac:dyDescent="0.2">
      <c r="B127" s="29"/>
      <c r="C127" s="7"/>
      <c r="D127" s="23">
        <v>100</v>
      </c>
      <c r="E127" s="24">
        <v>30.1</v>
      </c>
      <c r="F127" s="25">
        <v>67.599999999999994</v>
      </c>
      <c r="G127" s="26">
        <v>2.2999999999999998</v>
      </c>
    </row>
    <row r="128" spans="2:7" x14ac:dyDescent="0.2">
      <c r="B128" s="29"/>
      <c r="C128" s="2" t="s">
        <v>5</v>
      </c>
      <c r="D128" s="19">
        <v>37</v>
      </c>
      <c r="E128" s="20">
        <v>11</v>
      </c>
      <c r="F128" s="21">
        <v>24</v>
      </c>
      <c r="G128" s="22">
        <v>2</v>
      </c>
    </row>
    <row r="129" spans="2:7" x14ac:dyDescent="0.2">
      <c r="B129" s="29"/>
      <c r="C129" s="7"/>
      <c r="D129" s="23">
        <v>100</v>
      </c>
      <c r="E129" s="24">
        <v>29.7</v>
      </c>
      <c r="F129" s="25">
        <v>64.900000000000006</v>
      </c>
      <c r="G129" s="26">
        <v>5.4</v>
      </c>
    </row>
    <row r="130" spans="2:7" x14ac:dyDescent="0.2">
      <c r="B130" s="29"/>
      <c r="C130" s="2" t="s">
        <v>4</v>
      </c>
      <c r="D130" s="19">
        <v>67</v>
      </c>
      <c r="E130" s="20">
        <v>18</v>
      </c>
      <c r="F130" s="21">
        <v>48</v>
      </c>
      <c r="G130" s="22">
        <v>1</v>
      </c>
    </row>
    <row r="131" spans="2:7" x14ac:dyDescent="0.2">
      <c r="B131" s="29"/>
      <c r="C131" s="7"/>
      <c r="D131" s="23">
        <v>100</v>
      </c>
      <c r="E131" s="24">
        <v>26.9</v>
      </c>
      <c r="F131" s="25">
        <v>71.599999999999994</v>
      </c>
      <c r="G131" s="26">
        <v>1.5</v>
      </c>
    </row>
    <row r="132" spans="2:7" x14ac:dyDescent="0.2">
      <c r="B132" s="29"/>
      <c r="C132" s="2" t="s">
        <v>3</v>
      </c>
      <c r="D132" s="19">
        <v>159</v>
      </c>
      <c r="E132" s="20">
        <v>44</v>
      </c>
      <c r="F132" s="21">
        <v>108</v>
      </c>
      <c r="G132" s="22">
        <v>7</v>
      </c>
    </row>
    <row r="133" spans="2:7" x14ac:dyDescent="0.2">
      <c r="B133" s="29"/>
      <c r="C133" s="7"/>
      <c r="D133" s="23">
        <v>100</v>
      </c>
      <c r="E133" s="24">
        <v>27.7</v>
      </c>
      <c r="F133" s="25">
        <v>67.900000000000006</v>
      </c>
      <c r="G133" s="26">
        <v>4.4000000000000004</v>
      </c>
    </row>
    <row r="134" spans="2:7" x14ac:dyDescent="0.2">
      <c r="B134" s="29"/>
      <c r="C134" s="2" t="s">
        <v>2</v>
      </c>
      <c r="D134" s="19">
        <v>23</v>
      </c>
      <c r="E134" s="20">
        <v>5</v>
      </c>
      <c r="F134" s="21">
        <v>16</v>
      </c>
      <c r="G134" s="22">
        <v>2</v>
      </c>
    </row>
    <row r="135" spans="2:7" x14ac:dyDescent="0.2">
      <c r="B135" s="30"/>
      <c r="C135" s="10"/>
      <c r="D135" s="15">
        <v>100</v>
      </c>
      <c r="E135" s="16">
        <v>21.7</v>
      </c>
      <c r="F135" s="17">
        <v>69.599999999999994</v>
      </c>
      <c r="G135" s="18">
        <v>8.699999999999999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80</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328</v>
      </c>
      <c r="F4" s="13">
        <v>848</v>
      </c>
      <c r="G4" s="14">
        <v>65</v>
      </c>
    </row>
    <row r="5" spans="2:7" x14ac:dyDescent="0.2">
      <c r="B5" s="29"/>
      <c r="C5" s="8"/>
      <c r="D5" s="15">
        <v>100</v>
      </c>
      <c r="E5" s="16">
        <v>26.4</v>
      </c>
      <c r="F5" s="17">
        <v>68.3</v>
      </c>
      <c r="G5" s="18">
        <v>5.2</v>
      </c>
    </row>
    <row r="6" spans="2:7" x14ac:dyDescent="0.2">
      <c r="B6" s="29"/>
      <c r="C6" s="2" t="s">
        <v>52</v>
      </c>
      <c r="D6" s="19">
        <v>557</v>
      </c>
      <c r="E6" s="20">
        <v>127</v>
      </c>
      <c r="F6" s="21">
        <v>396</v>
      </c>
      <c r="G6" s="22">
        <v>34</v>
      </c>
    </row>
    <row r="7" spans="2:7" x14ac:dyDescent="0.2">
      <c r="B7" s="29"/>
      <c r="C7" s="7"/>
      <c r="D7" s="23">
        <v>100</v>
      </c>
      <c r="E7" s="24">
        <v>22.8</v>
      </c>
      <c r="F7" s="25">
        <v>71.099999999999994</v>
      </c>
      <c r="G7" s="26">
        <v>6.1</v>
      </c>
    </row>
    <row r="8" spans="2:7" x14ac:dyDescent="0.2">
      <c r="B8" s="29"/>
      <c r="C8" s="2" t="s">
        <v>51</v>
      </c>
      <c r="D8" s="19">
        <v>595</v>
      </c>
      <c r="E8" s="20">
        <v>186</v>
      </c>
      <c r="F8" s="21">
        <v>392</v>
      </c>
      <c r="G8" s="22">
        <v>17</v>
      </c>
    </row>
    <row r="9" spans="2:7" x14ac:dyDescent="0.2">
      <c r="B9" s="29"/>
      <c r="C9" s="7"/>
      <c r="D9" s="23">
        <v>100</v>
      </c>
      <c r="E9" s="24">
        <v>31.3</v>
      </c>
      <c r="F9" s="25">
        <v>65.900000000000006</v>
      </c>
      <c r="G9" s="26">
        <v>2.9</v>
      </c>
    </row>
    <row r="10" spans="2:7" x14ac:dyDescent="0.2">
      <c r="B10" s="29"/>
      <c r="C10" s="2" t="s">
        <v>13</v>
      </c>
      <c r="D10" s="19">
        <v>89</v>
      </c>
      <c r="E10" s="20">
        <v>15</v>
      </c>
      <c r="F10" s="21">
        <v>60</v>
      </c>
      <c r="G10" s="22">
        <v>14</v>
      </c>
    </row>
    <row r="11" spans="2:7" x14ac:dyDescent="0.2">
      <c r="B11" s="30"/>
      <c r="C11" s="10"/>
      <c r="D11" s="15">
        <v>100</v>
      </c>
      <c r="E11" s="16">
        <v>16.899999999999999</v>
      </c>
      <c r="F11" s="17">
        <v>67.400000000000006</v>
      </c>
      <c r="G11" s="18">
        <v>15.7</v>
      </c>
    </row>
    <row r="12" spans="2:7" x14ac:dyDescent="0.2">
      <c r="B12" s="28" t="s">
        <v>54</v>
      </c>
      <c r="C12" s="9" t="s">
        <v>12</v>
      </c>
      <c r="D12" s="11">
        <v>1241</v>
      </c>
      <c r="E12" s="12">
        <v>328</v>
      </c>
      <c r="F12" s="13">
        <v>848</v>
      </c>
      <c r="G12" s="14">
        <v>65</v>
      </c>
    </row>
    <row r="13" spans="2:7" x14ac:dyDescent="0.2">
      <c r="B13" s="29"/>
      <c r="C13" s="8"/>
      <c r="D13" s="15">
        <v>100</v>
      </c>
      <c r="E13" s="16">
        <v>26.4</v>
      </c>
      <c r="F13" s="17">
        <v>68.3</v>
      </c>
      <c r="G13" s="18">
        <v>5.2</v>
      </c>
    </row>
    <row r="14" spans="2:7" x14ac:dyDescent="0.2">
      <c r="B14" s="29"/>
      <c r="C14" s="2" t="s">
        <v>50</v>
      </c>
      <c r="D14" s="19">
        <v>84</v>
      </c>
      <c r="E14" s="20">
        <v>36</v>
      </c>
      <c r="F14" s="21">
        <v>45</v>
      </c>
      <c r="G14" s="22">
        <v>3</v>
      </c>
    </row>
    <row r="15" spans="2:7" x14ac:dyDescent="0.2">
      <c r="B15" s="29"/>
      <c r="C15" s="7"/>
      <c r="D15" s="23">
        <v>100</v>
      </c>
      <c r="E15" s="24">
        <v>42.9</v>
      </c>
      <c r="F15" s="25">
        <v>53.6</v>
      </c>
      <c r="G15" s="26">
        <v>3.6</v>
      </c>
    </row>
    <row r="16" spans="2:7" x14ac:dyDescent="0.2">
      <c r="B16" s="29"/>
      <c r="C16" s="2" t="s">
        <v>49</v>
      </c>
      <c r="D16" s="19">
        <v>97</v>
      </c>
      <c r="E16" s="20">
        <v>34</v>
      </c>
      <c r="F16" s="21">
        <v>60</v>
      </c>
      <c r="G16" s="22">
        <v>3</v>
      </c>
    </row>
    <row r="17" spans="2:7" x14ac:dyDescent="0.2">
      <c r="B17" s="29"/>
      <c r="C17" s="7"/>
      <c r="D17" s="23">
        <v>100</v>
      </c>
      <c r="E17" s="24">
        <v>35.1</v>
      </c>
      <c r="F17" s="25">
        <v>61.9</v>
      </c>
      <c r="G17" s="26">
        <v>3.1</v>
      </c>
    </row>
    <row r="18" spans="2:7" x14ac:dyDescent="0.2">
      <c r="B18" s="29"/>
      <c r="C18" s="2" t="s">
        <v>48</v>
      </c>
      <c r="D18" s="19">
        <v>79</v>
      </c>
      <c r="E18" s="20">
        <v>18</v>
      </c>
      <c r="F18" s="21">
        <v>60</v>
      </c>
      <c r="G18" s="22">
        <v>1</v>
      </c>
    </row>
    <row r="19" spans="2:7" x14ac:dyDescent="0.2">
      <c r="B19" s="29"/>
      <c r="C19" s="7"/>
      <c r="D19" s="23">
        <v>100</v>
      </c>
      <c r="E19" s="24">
        <v>22.8</v>
      </c>
      <c r="F19" s="25">
        <v>75.900000000000006</v>
      </c>
      <c r="G19" s="26">
        <v>1.3</v>
      </c>
    </row>
    <row r="20" spans="2:7" x14ac:dyDescent="0.2">
      <c r="B20" s="29"/>
      <c r="C20" s="2" t="s">
        <v>47</v>
      </c>
      <c r="D20" s="19">
        <v>72</v>
      </c>
      <c r="E20" s="20">
        <v>24</v>
      </c>
      <c r="F20" s="21">
        <v>45</v>
      </c>
      <c r="G20" s="22">
        <v>3</v>
      </c>
    </row>
    <row r="21" spans="2:7" x14ac:dyDescent="0.2">
      <c r="B21" s="29"/>
      <c r="C21" s="7"/>
      <c r="D21" s="23">
        <v>100</v>
      </c>
      <c r="E21" s="24">
        <v>33.299999999999997</v>
      </c>
      <c r="F21" s="25">
        <v>62.5</v>
      </c>
      <c r="G21" s="26">
        <v>4.2</v>
      </c>
    </row>
    <row r="22" spans="2:7" x14ac:dyDescent="0.2">
      <c r="B22" s="29"/>
      <c r="C22" s="2" t="s">
        <v>46</v>
      </c>
      <c r="D22" s="19">
        <v>15</v>
      </c>
      <c r="E22" s="20">
        <v>4</v>
      </c>
      <c r="F22" s="21">
        <v>10</v>
      </c>
      <c r="G22" s="22">
        <v>1</v>
      </c>
    </row>
    <row r="23" spans="2:7" x14ac:dyDescent="0.2">
      <c r="B23" s="29"/>
      <c r="C23" s="7"/>
      <c r="D23" s="23">
        <v>100</v>
      </c>
      <c r="E23" s="24">
        <v>26.7</v>
      </c>
      <c r="F23" s="25">
        <v>66.7</v>
      </c>
      <c r="G23" s="26">
        <v>6.7</v>
      </c>
    </row>
    <row r="24" spans="2:7" x14ac:dyDescent="0.2">
      <c r="B24" s="29"/>
      <c r="C24" s="2" t="s">
        <v>45</v>
      </c>
      <c r="D24" s="19">
        <v>77</v>
      </c>
      <c r="E24" s="20">
        <v>20</v>
      </c>
      <c r="F24" s="21">
        <v>55</v>
      </c>
      <c r="G24" s="22">
        <v>2</v>
      </c>
    </row>
    <row r="25" spans="2:7" x14ac:dyDescent="0.2">
      <c r="B25" s="29"/>
      <c r="C25" s="7"/>
      <c r="D25" s="23">
        <v>100</v>
      </c>
      <c r="E25" s="24">
        <v>26</v>
      </c>
      <c r="F25" s="25">
        <v>71.400000000000006</v>
      </c>
      <c r="G25" s="26">
        <v>2.6</v>
      </c>
    </row>
    <row r="26" spans="2:7" x14ac:dyDescent="0.2">
      <c r="B26" s="29"/>
      <c r="C26" s="2" t="s">
        <v>44</v>
      </c>
      <c r="D26" s="19">
        <v>260</v>
      </c>
      <c r="E26" s="20">
        <v>53</v>
      </c>
      <c r="F26" s="21">
        <v>192</v>
      </c>
      <c r="G26" s="22">
        <v>15</v>
      </c>
    </row>
    <row r="27" spans="2:7" x14ac:dyDescent="0.2">
      <c r="B27" s="29"/>
      <c r="C27" s="7"/>
      <c r="D27" s="23">
        <v>100</v>
      </c>
      <c r="E27" s="24">
        <v>20.399999999999999</v>
      </c>
      <c r="F27" s="25">
        <v>73.8</v>
      </c>
      <c r="G27" s="26">
        <v>5.8</v>
      </c>
    </row>
    <row r="28" spans="2:7" x14ac:dyDescent="0.2">
      <c r="B28" s="29"/>
      <c r="C28" s="2" t="s">
        <v>43</v>
      </c>
      <c r="D28" s="19">
        <v>334</v>
      </c>
      <c r="E28" s="20">
        <v>58</v>
      </c>
      <c r="F28" s="21">
        <v>249</v>
      </c>
      <c r="G28" s="22">
        <v>27</v>
      </c>
    </row>
    <row r="29" spans="2:7" x14ac:dyDescent="0.2">
      <c r="B29" s="29"/>
      <c r="C29" s="7"/>
      <c r="D29" s="23">
        <v>100</v>
      </c>
      <c r="E29" s="24">
        <v>17.399999999999999</v>
      </c>
      <c r="F29" s="25">
        <v>74.599999999999994</v>
      </c>
      <c r="G29" s="26">
        <v>8.1</v>
      </c>
    </row>
    <row r="30" spans="2:7" x14ac:dyDescent="0.2">
      <c r="B30" s="29"/>
      <c r="C30" s="2" t="s">
        <v>14</v>
      </c>
      <c r="D30" s="19">
        <v>28</v>
      </c>
      <c r="E30" s="20">
        <v>4</v>
      </c>
      <c r="F30" s="21">
        <v>21</v>
      </c>
      <c r="G30" s="22">
        <v>3</v>
      </c>
    </row>
    <row r="31" spans="2:7" x14ac:dyDescent="0.2">
      <c r="B31" s="29"/>
      <c r="C31" s="7"/>
      <c r="D31" s="23">
        <v>100</v>
      </c>
      <c r="E31" s="24">
        <v>14.3</v>
      </c>
      <c r="F31" s="25">
        <v>75</v>
      </c>
      <c r="G31" s="26">
        <v>10.7</v>
      </c>
    </row>
    <row r="32" spans="2:7" x14ac:dyDescent="0.2">
      <c r="B32" s="29"/>
      <c r="C32" s="2" t="s">
        <v>42</v>
      </c>
      <c r="D32" s="19">
        <v>390</v>
      </c>
      <c r="E32" s="20">
        <v>121</v>
      </c>
      <c r="F32" s="21">
        <v>258</v>
      </c>
      <c r="G32" s="22">
        <v>11</v>
      </c>
    </row>
    <row r="33" spans="2:7" x14ac:dyDescent="0.2">
      <c r="B33" s="29"/>
      <c r="C33" s="7"/>
      <c r="D33" s="23">
        <v>100</v>
      </c>
      <c r="E33" s="24">
        <v>31</v>
      </c>
      <c r="F33" s="25">
        <v>66.2</v>
      </c>
      <c r="G33" s="26">
        <v>2.8</v>
      </c>
    </row>
    <row r="34" spans="2:7" x14ac:dyDescent="0.2">
      <c r="B34" s="29"/>
      <c r="C34" s="2" t="s">
        <v>13</v>
      </c>
      <c r="D34" s="19">
        <v>70</v>
      </c>
      <c r="E34" s="20">
        <v>14</v>
      </c>
      <c r="F34" s="21">
        <v>47</v>
      </c>
      <c r="G34" s="22">
        <v>9</v>
      </c>
    </row>
    <row r="35" spans="2:7" x14ac:dyDescent="0.2">
      <c r="B35" s="30"/>
      <c r="C35" s="10"/>
      <c r="D35" s="15">
        <v>100</v>
      </c>
      <c r="E35" s="16">
        <v>20</v>
      </c>
      <c r="F35" s="17">
        <v>67.099999999999994</v>
      </c>
      <c r="G35" s="18">
        <v>12.9</v>
      </c>
    </row>
    <row r="36" spans="2:7" x14ac:dyDescent="0.2">
      <c r="B36" s="28" t="s">
        <v>53</v>
      </c>
      <c r="C36" s="9" t="s">
        <v>12</v>
      </c>
      <c r="D36" s="11">
        <v>1241</v>
      </c>
      <c r="E36" s="12">
        <v>328</v>
      </c>
      <c r="F36" s="13">
        <v>848</v>
      </c>
      <c r="G36" s="14">
        <v>65</v>
      </c>
    </row>
    <row r="37" spans="2:7" x14ac:dyDescent="0.2">
      <c r="B37" s="29"/>
      <c r="C37" s="8"/>
      <c r="D37" s="15">
        <v>100</v>
      </c>
      <c r="E37" s="16">
        <v>26.4</v>
      </c>
      <c r="F37" s="17">
        <v>68.3</v>
      </c>
      <c r="G37" s="18">
        <v>5.2</v>
      </c>
    </row>
    <row r="38" spans="2:7" x14ac:dyDescent="0.2">
      <c r="B38" s="29"/>
      <c r="C38" s="2" t="s">
        <v>41</v>
      </c>
      <c r="D38" s="19">
        <v>799</v>
      </c>
      <c r="E38" s="20">
        <v>227</v>
      </c>
      <c r="F38" s="21">
        <v>552</v>
      </c>
      <c r="G38" s="22">
        <v>20</v>
      </c>
    </row>
    <row r="39" spans="2:7" x14ac:dyDescent="0.2">
      <c r="B39" s="29"/>
      <c r="C39" s="7"/>
      <c r="D39" s="23">
        <v>100</v>
      </c>
      <c r="E39" s="24">
        <v>28.4</v>
      </c>
      <c r="F39" s="25">
        <v>69.099999999999994</v>
      </c>
      <c r="G39" s="26">
        <v>2.5</v>
      </c>
    </row>
    <row r="40" spans="2:7" x14ac:dyDescent="0.2">
      <c r="B40" s="29"/>
      <c r="C40" s="2" t="s">
        <v>40</v>
      </c>
      <c r="D40" s="19">
        <v>182</v>
      </c>
      <c r="E40" s="20">
        <v>41</v>
      </c>
      <c r="F40" s="21">
        <v>128</v>
      </c>
      <c r="G40" s="22">
        <v>13</v>
      </c>
    </row>
    <row r="41" spans="2:7" x14ac:dyDescent="0.2">
      <c r="B41" s="29"/>
      <c r="C41" s="7"/>
      <c r="D41" s="23">
        <v>100</v>
      </c>
      <c r="E41" s="24">
        <v>22.5</v>
      </c>
      <c r="F41" s="25">
        <v>70.3</v>
      </c>
      <c r="G41" s="26">
        <v>7.1</v>
      </c>
    </row>
    <row r="42" spans="2:7" x14ac:dyDescent="0.2">
      <c r="B42" s="29"/>
      <c r="C42" s="2" t="s">
        <v>39</v>
      </c>
      <c r="D42" s="19">
        <v>72</v>
      </c>
      <c r="E42" s="20">
        <v>15</v>
      </c>
      <c r="F42" s="21">
        <v>56</v>
      </c>
      <c r="G42" s="22">
        <v>1</v>
      </c>
    </row>
    <row r="43" spans="2:7" x14ac:dyDescent="0.2">
      <c r="B43" s="29"/>
      <c r="C43" s="7"/>
      <c r="D43" s="23">
        <v>100</v>
      </c>
      <c r="E43" s="24">
        <v>20.8</v>
      </c>
      <c r="F43" s="25">
        <v>77.8</v>
      </c>
      <c r="G43" s="26">
        <v>1.4</v>
      </c>
    </row>
    <row r="44" spans="2:7" x14ac:dyDescent="0.2">
      <c r="B44" s="29"/>
      <c r="C44" s="2" t="s">
        <v>38</v>
      </c>
      <c r="D44" s="19">
        <v>127</v>
      </c>
      <c r="E44" s="20">
        <v>34</v>
      </c>
      <c r="F44" s="21">
        <v>71</v>
      </c>
      <c r="G44" s="22">
        <v>22</v>
      </c>
    </row>
    <row r="45" spans="2:7" x14ac:dyDescent="0.2">
      <c r="B45" s="29"/>
      <c r="C45" s="7"/>
      <c r="D45" s="23">
        <v>100</v>
      </c>
      <c r="E45" s="24">
        <v>26.8</v>
      </c>
      <c r="F45" s="25">
        <v>55.9</v>
      </c>
      <c r="G45" s="26">
        <v>17.3</v>
      </c>
    </row>
    <row r="46" spans="2:7" x14ac:dyDescent="0.2">
      <c r="B46" s="29"/>
      <c r="C46" s="2" t="s">
        <v>13</v>
      </c>
      <c r="D46" s="19">
        <v>61</v>
      </c>
      <c r="E46" s="20">
        <v>11</v>
      </c>
      <c r="F46" s="21">
        <v>41</v>
      </c>
      <c r="G46" s="22">
        <v>9</v>
      </c>
    </row>
    <row r="47" spans="2:7" x14ac:dyDescent="0.2">
      <c r="B47" s="30"/>
      <c r="C47" s="10"/>
      <c r="D47" s="15">
        <v>100</v>
      </c>
      <c r="E47" s="16">
        <v>18</v>
      </c>
      <c r="F47" s="17">
        <v>67.2</v>
      </c>
      <c r="G47" s="18">
        <v>14.8</v>
      </c>
    </row>
  </sheetData>
  <mergeCells count="3">
    <mergeCell ref="B4:B11"/>
    <mergeCell ref="B12:B35"/>
    <mergeCell ref="B36:B47"/>
  </mergeCells>
  <phoneticPr fontId="2"/>
  <pageMargins left="0.7" right="0.7" top="0.75" bottom="0.75" header="0.3" footer="0.3"/>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79</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402</v>
      </c>
      <c r="F4" s="13">
        <v>790</v>
      </c>
      <c r="G4" s="14">
        <v>49</v>
      </c>
    </row>
    <row r="5" spans="2:7" x14ac:dyDescent="0.2">
      <c r="B5" s="29"/>
      <c r="C5" s="8"/>
      <c r="D5" s="15">
        <v>100</v>
      </c>
      <c r="E5" s="16">
        <v>32.4</v>
      </c>
      <c r="F5" s="17">
        <v>63.7</v>
      </c>
      <c r="G5" s="18">
        <v>3.9</v>
      </c>
    </row>
    <row r="6" spans="2:7" x14ac:dyDescent="0.2">
      <c r="B6" s="29"/>
      <c r="C6" s="2" t="s">
        <v>30</v>
      </c>
      <c r="D6" s="19">
        <v>499</v>
      </c>
      <c r="E6" s="20">
        <v>159</v>
      </c>
      <c r="F6" s="21">
        <v>327</v>
      </c>
      <c r="G6" s="22">
        <v>13</v>
      </c>
    </row>
    <row r="7" spans="2:7" x14ac:dyDescent="0.2">
      <c r="B7" s="29"/>
      <c r="C7" s="7"/>
      <c r="D7" s="23">
        <v>100</v>
      </c>
      <c r="E7" s="24">
        <v>31.9</v>
      </c>
      <c r="F7" s="25">
        <v>65.5</v>
      </c>
      <c r="G7" s="26">
        <v>2.6</v>
      </c>
    </row>
    <row r="8" spans="2:7" x14ac:dyDescent="0.2">
      <c r="B8" s="29"/>
      <c r="C8" s="2" t="s">
        <v>29</v>
      </c>
      <c r="D8" s="19">
        <v>150</v>
      </c>
      <c r="E8" s="20">
        <v>46</v>
      </c>
      <c r="F8" s="21">
        <v>99</v>
      </c>
      <c r="G8" s="22">
        <v>5</v>
      </c>
    </row>
    <row r="9" spans="2:7" x14ac:dyDescent="0.2">
      <c r="B9" s="29"/>
      <c r="C9" s="7"/>
      <c r="D9" s="23">
        <v>100</v>
      </c>
      <c r="E9" s="24">
        <v>30.7</v>
      </c>
      <c r="F9" s="25">
        <v>66</v>
      </c>
      <c r="G9" s="26">
        <v>3.3</v>
      </c>
    </row>
    <row r="10" spans="2:7" x14ac:dyDescent="0.2">
      <c r="B10" s="29"/>
      <c r="C10" s="2" t="s">
        <v>28</v>
      </c>
      <c r="D10" s="19">
        <v>82</v>
      </c>
      <c r="E10" s="20">
        <v>26</v>
      </c>
      <c r="F10" s="21">
        <v>52</v>
      </c>
      <c r="G10" s="22">
        <v>4</v>
      </c>
    </row>
    <row r="11" spans="2:7" x14ac:dyDescent="0.2">
      <c r="B11" s="29"/>
      <c r="C11" s="7"/>
      <c r="D11" s="23">
        <v>100</v>
      </c>
      <c r="E11" s="24">
        <v>31.7</v>
      </c>
      <c r="F11" s="25">
        <v>63.4</v>
      </c>
      <c r="G11" s="26">
        <v>4.9000000000000004</v>
      </c>
    </row>
    <row r="12" spans="2:7" x14ac:dyDescent="0.2">
      <c r="B12" s="29"/>
      <c r="C12" s="2" t="s">
        <v>27</v>
      </c>
      <c r="D12" s="19">
        <v>92</v>
      </c>
      <c r="E12" s="20">
        <v>32</v>
      </c>
      <c r="F12" s="21">
        <v>55</v>
      </c>
      <c r="G12" s="22">
        <v>5</v>
      </c>
    </row>
    <row r="13" spans="2:7" x14ac:dyDescent="0.2">
      <c r="B13" s="29"/>
      <c r="C13" s="7"/>
      <c r="D13" s="23">
        <v>100</v>
      </c>
      <c r="E13" s="24">
        <v>34.799999999999997</v>
      </c>
      <c r="F13" s="25">
        <v>59.8</v>
      </c>
      <c r="G13" s="26">
        <v>5.4</v>
      </c>
    </row>
    <row r="14" spans="2:7" x14ac:dyDescent="0.2">
      <c r="B14" s="29"/>
      <c r="C14" s="2" t="s">
        <v>26</v>
      </c>
      <c r="D14" s="19">
        <v>112</v>
      </c>
      <c r="E14" s="20">
        <v>39</v>
      </c>
      <c r="F14" s="21">
        <v>68</v>
      </c>
      <c r="G14" s="22">
        <v>5</v>
      </c>
    </row>
    <row r="15" spans="2:7" x14ac:dyDescent="0.2">
      <c r="B15" s="29"/>
      <c r="C15" s="7"/>
      <c r="D15" s="23">
        <v>100</v>
      </c>
      <c r="E15" s="24">
        <v>34.799999999999997</v>
      </c>
      <c r="F15" s="25">
        <v>60.7</v>
      </c>
      <c r="G15" s="26">
        <v>4.5</v>
      </c>
    </row>
    <row r="16" spans="2:7" x14ac:dyDescent="0.2">
      <c r="B16" s="29"/>
      <c r="C16" s="2" t="s">
        <v>25</v>
      </c>
      <c r="D16" s="19">
        <v>188</v>
      </c>
      <c r="E16" s="20">
        <v>60</v>
      </c>
      <c r="F16" s="21">
        <v>122</v>
      </c>
      <c r="G16" s="22">
        <v>6</v>
      </c>
    </row>
    <row r="17" spans="2:7" x14ac:dyDescent="0.2">
      <c r="B17" s="29"/>
      <c r="C17" s="7"/>
      <c r="D17" s="23">
        <v>100</v>
      </c>
      <c r="E17" s="24">
        <v>31.9</v>
      </c>
      <c r="F17" s="25">
        <v>64.900000000000006</v>
      </c>
      <c r="G17" s="26">
        <v>3.2</v>
      </c>
    </row>
    <row r="18" spans="2:7" x14ac:dyDescent="0.2">
      <c r="B18" s="29"/>
      <c r="C18" s="2" t="s">
        <v>24</v>
      </c>
      <c r="D18" s="19">
        <v>60</v>
      </c>
      <c r="E18" s="20">
        <v>21</v>
      </c>
      <c r="F18" s="21">
        <v>36</v>
      </c>
      <c r="G18" s="22">
        <v>3</v>
      </c>
    </row>
    <row r="19" spans="2:7" x14ac:dyDescent="0.2">
      <c r="B19" s="29"/>
      <c r="C19" s="7"/>
      <c r="D19" s="23">
        <v>100</v>
      </c>
      <c r="E19" s="24">
        <v>35</v>
      </c>
      <c r="F19" s="25">
        <v>60</v>
      </c>
      <c r="G19" s="26">
        <v>5</v>
      </c>
    </row>
    <row r="20" spans="2:7" x14ac:dyDescent="0.2">
      <c r="B20" s="29"/>
      <c r="C20" s="2" t="s">
        <v>13</v>
      </c>
      <c r="D20" s="19">
        <v>58</v>
      </c>
      <c r="E20" s="20">
        <v>19</v>
      </c>
      <c r="F20" s="21">
        <v>31</v>
      </c>
      <c r="G20" s="22">
        <v>8</v>
      </c>
    </row>
    <row r="21" spans="2:7" x14ac:dyDescent="0.2">
      <c r="B21" s="30"/>
      <c r="C21" s="10"/>
      <c r="D21" s="15">
        <v>100</v>
      </c>
      <c r="E21" s="16">
        <v>32.799999999999997</v>
      </c>
      <c r="F21" s="17">
        <v>53.4</v>
      </c>
      <c r="G21" s="18">
        <v>13.8</v>
      </c>
    </row>
    <row r="22" spans="2:7" x14ac:dyDescent="0.2">
      <c r="B22" s="28" t="s">
        <v>35</v>
      </c>
      <c r="C22" s="9" t="s">
        <v>12</v>
      </c>
      <c r="D22" s="11">
        <v>1241</v>
      </c>
      <c r="E22" s="12">
        <v>402</v>
      </c>
      <c r="F22" s="13">
        <v>790</v>
      </c>
      <c r="G22" s="14">
        <v>49</v>
      </c>
    </row>
    <row r="23" spans="2:7" x14ac:dyDescent="0.2">
      <c r="B23" s="29"/>
      <c r="C23" s="8"/>
      <c r="D23" s="15">
        <v>100</v>
      </c>
      <c r="E23" s="16">
        <v>32.4</v>
      </c>
      <c r="F23" s="17">
        <v>63.7</v>
      </c>
      <c r="G23" s="18">
        <v>3.9</v>
      </c>
    </row>
    <row r="24" spans="2:7" x14ac:dyDescent="0.2">
      <c r="B24" s="29"/>
      <c r="C24" s="2" t="s">
        <v>23</v>
      </c>
      <c r="D24" s="19">
        <v>563</v>
      </c>
      <c r="E24" s="20">
        <v>187</v>
      </c>
      <c r="F24" s="21">
        <v>363</v>
      </c>
      <c r="G24" s="22">
        <v>13</v>
      </c>
    </row>
    <row r="25" spans="2:7" x14ac:dyDescent="0.2">
      <c r="B25" s="29"/>
      <c r="C25" s="7"/>
      <c r="D25" s="23">
        <v>100</v>
      </c>
      <c r="E25" s="24">
        <v>33.200000000000003</v>
      </c>
      <c r="F25" s="25">
        <v>64.5</v>
      </c>
      <c r="G25" s="26">
        <v>2.2999999999999998</v>
      </c>
    </row>
    <row r="26" spans="2:7" x14ac:dyDescent="0.2">
      <c r="B26" s="29"/>
      <c r="C26" s="2" t="s">
        <v>22</v>
      </c>
      <c r="D26" s="19">
        <v>607</v>
      </c>
      <c r="E26" s="20">
        <v>192</v>
      </c>
      <c r="F26" s="21">
        <v>387</v>
      </c>
      <c r="G26" s="22">
        <v>28</v>
      </c>
    </row>
    <row r="27" spans="2:7" x14ac:dyDescent="0.2">
      <c r="B27" s="29"/>
      <c r="C27" s="7"/>
      <c r="D27" s="23">
        <v>100</v>
      </c>
      <c r="E27" s="24">
        <v>31.6</v>
      </c>
      <c r="F27" s="25">
        <v>63.8</v>
      </c>
      <c r="G27" s="26">
        <v>4.5999999999999996</v>
      </c>
    </row>
    <row r="28" spans="2:7" x14ac:dyDescent="0.2">
      <c r="B28" s="29"/>
      <c r="C28" s="2" t="s">
        <v>13</v>
      </c>
      <c r="D28" s="19">
        <v>71</v>
      </c>
      <c r="E28" s="20">
        <v>23</v>
      </c>
      <c r="F28" s="21">
        <v>40</v>
      </c>
      <c r="G28" s="22">
        <v>8</v>
      </c>
    </row>
    <row r="29" spans="2:7" x14ac:dyDescent="0.2">
      <c r="B29" s="30"/>
      <c r="C29" s="10"/>
      <c r="D29" s="15">
        <v>100</v>
      </c>
      <c r="E29" s="16">
        <v>32.4</v>
      </c>
      <c r="F29" s="17">
        <v>56.3</v>
      </c>
      <c r="G29" s="18">
        <v>11.3</v>
      </c>
    </row>
    <row r="30" spans="2:7" x14ac:dyDescent="0.2">
      <c r="B30" s="28" t="s">
        <v>34</v>
      </c>
      <c r="C30" s="9" t="s">
        <v>12</v>
      </c>
      <c r="D30" s="11">
        <v>1241</v>
      </c>
      <c r="E30" s="12">
        <v>402</v>
      </c>
      <c r="F30" s="13">
        <v>790</v>
      </c>
      <c r="G30" s="14">
        <v>49</v>
      </c>
    </row>
    <row r="31" spans="2:7" x14ac:dyDescent="0.2">
      <c r="B31" s="29"/>
      <c r="C31" s="8"/>
      <c r="D31" s="15">
        <v>100</v>
      </c>
      <c r="E31" s="16">
        <v>32.4</v>
      </c>
      <c r="F31" s="17">
        <v>63.7</v>
      </c>
      <c r="G31" s="18">
        <v>3.9</v>
      </c>
    </row>
    <row r="32" spans="2:7" x14ac:dyDescent="0.2">
      <c r="B32" s="29"/>
      <c r="C32" s="2" t="s">
        <v>75</v>
      </c>
      <c r="D32" s="19">
        <v>3</v>
      </c>
      <c r="E32" s="20" t="s">
        <v>152</v>
      </c>
      <c r="F32" s="21">
        <v>3</v>
      </c>
      <c r="G32" s="22" t="s">
        <v>152</v>
      </c>
    </row>
    <row r="33" spans="2:7" x14ac:dyDescent="0.2">
      <c r="B33" s="29"/>
      <c r="C33" s="7"/>
      <c r="D33" s="23">
        <v>100</v>
      </c>
      <c r="E33" s="24" t="s">
        <v>152</v>
      </c>
      <c r="F33" s="25">
        <v>100</v>
      </c>
      <c r="G33" s="26" t="s">
        <v>152</v>
      </c>
    </row>
    <row r="34" spans="2:7" x14ac:dyDescent="0.2">
      <c r="B34" s="29"/>
      <c r="C34" s="2" t="s">
        <v>77</v>
      </c>
      <c r="D34" s="19">
        <v>51</v>
      </c>
      <c r="E34" s="20">
        <v>16</v>
      </c>
      <c r="F34" s="21">
        <v>35</v>
      </c>
      <c r="G34" s="22" t="s">
        <v>152</v>
      </c>
    </row>
    <row r="35" spans="2:7" x14ac:dyDescent="0.2">
      <c r="B35" s="29"/>
      <c r="C35" s="7"/>
      <c r="D35" s="23">
        <v>100</v>
      </c>
      <c r="E35" s="24">
        <v>31.4</v>
      </c>
      <c r="F35" s="25">
        <v>68.599999999999994</v>
      </c>
      <c r="G35" s="26" t="s">
        <v>152</v>
      </c>
    </row>
    <row r="36" spans="2:7" x14ac:dyDescent="0.2">
      <c r="B36" s="29"/>
      <c r="C36" s="2" t="s">
        <v>147</v>
      </c>
      <c r="D36" s="19">
        <v>54</v>
      </c>
      <c r="E36" s="20">
        <v>16</v>
      </c>
      <c r="F36" s="21">
        <v>38</v>
      </c>
      <c r="G36" s="22" t="s">
        <v>152</v>
      </c>
    </row>
    <row r="37" spans="2:7" x14ac:dyDescent="0.2">
      <c r="B37" s="29"/>
      <c r="C37" s="7"/>
      <c r="D37" s="23">
        <v>100</v>
      </c>
      <c r="E37" s="24">
        <v>29.629629629629626</v>
      </c>
      <c r="F37" s="25">
        <v>70.370370370370367</v>
      </c>
      <c r="G37" s="26" t="s">
        <v>152</v>
      </c>
    </row>
    <row r="38" spans="2:7" x14ac:dyDescent="0.2">
      <c r="B38" s="29"/>
      <c r="C38" s="2" t="s">
        <v>79</v>
      </c>
      <c r="D38" s="19">
        <v>116</v>
      </c>
      <c r="E38" s="20">
        <v>33</v>
      </c>
      <c r="F38" s="21">
        <v>78</v>
      </c>
      <c r="G38" s="22">
        <v>5</v>
      </c>
    </row>
    <row r="39" spans="2:7" x14ac:dyDescent="0.2">
      <c r="B39" s="29"/>
      <c r="C39" s="7"/>
      <c r="D39" s="23">
        <v>100</v>
      </c>
      <c r="E39" s="24">
        <v>28.4</v>
      </c>
      <c r="F39" s="25">
        <v>67.2</v>
      </c>
      <c r="G39" s="26">
        <v>4.3</v>
      </c>
    </row>
    <row r="40" spans="2:7" x14ac:dyDescent="0.2">
      <c r="B40" s="29"/>
      <c r="C40" s="2" t="s">
        <v>81</v>
      </c>
      <c r="D40" s="19">
        <v>200</v>
      </c>
      <c r="E40" s="20">
        <v>55</v>
      </c>
      <c r="F40" s="21">
        <v>142</v>
      </c>
      <c r="G40" s="22">
        <v>3</v>
      </c>
    </row>
    <row r="41" spans="2:7" x14ac:dyDescent="0.2">
      <c r="B41" s="29"/>
      <c r="C41" s="7"/>
      <c r="D41" s="23">
        <v>100</v>
      </c>
      <c r="E41" s="24">
        <v>27.5</v>
      </c>
      <c r="F41" s="25">
        <v>71</v>
      </c>
      <c r="G41" s="26">
        <v>1.5</v>
      </c>
    </row>
    <row r="42" spans="2:7" x14ac:dyDescent="0.2">
      <c r="B42" s="29"/>
      <c r="C42" s="2" t="s">
        <v>83</v>
      </c>
      <c r="D42" s="19">
        <v>289</v>
      </c>
      <c r="E42" s="20">
        <v>62</v>
      </c>
      <c r="F42" s="21">
        <v>220</v>
      </c>
      <c r="G42" s="22">
        <v>7</v>
      </c>
    </row>
    <row r="43" spans="2:7" x14ac:dyDescent="0.2">
      <c r="B43" s="29"/>
      <c r="C43" s="7"/>
      <c r="D43" s="23">
        <v>100</v>
      </c>
      <c r="E43" s="24">
        <v>21.5</v>
      </c>
      <c r="F43" s="25">
        <v>76.099999999999994</v>
      </c>
      <c r="G43" s="26">
        <v>2.4</v>
      </c>
    </row>
    <row r="44" spans="2:7" x14ac:dyDescent="0.2">
      <c r="B44" s="29"/>
      <c r="C44" s="2" t="s">
        <v>85</v>
      </c>
      <c r="D44" s="19">
        <v>247</v>
      </c>
      <c r="E44" s="20">
        <v>95</v>
      </c>
      <c r="F44" s="21">
        <v>146</v>
      </c>
      <c r="G44" s="22">
        <v>6</v>
      </c>
    </row>
    <row r="45" spans="2:7" x14ac:dyDescent="0.2">
      <c r="B45" s="29"/>
      <c r="C45" s="7"/>
      <c r="D45" s="23">
        <v>100</v>
      </c>
      <c r="E45" s="24">
        <v>38.5</v>
      </c>
      <c r="F45" s="25">
        <v>59.1</v>
      </c>
      <c r="G45" s="26">
        <v>2.4</v>
      </c>
    </row>
    <row r="46" spans="2:7" x14ac:dyDescent="0.2">
      <c r="B46" s="29"/>
      <c r="C46" s="2" t="s">
        <v>87</v>
      </c>
      <c r="D46" s="19">
        <v>125</v>
      </c>
      <c r="E46" s="20">
        <v>58</v>
      </c>
      <c r="F46" s="21">
        <v>59</v>
      </c>
      <c r="G46" s="22">
        <v>8</v>
      </c>
    </row>
    <row r="47" spans="2:7" x14ac:dyDescent="0.2">
      <c r="B47" s="29"/>
      <c r="C47" s="7"/>
      <c r="D47" s="23">
        <v>100</v>
      </c>
      <c r="E47" s="24">
        <v>46.4</v>
      </c>
      <c r="F47" s="25">
        <v>47.2</v>
      </c>
      <c r="G47" s="26">
        <v>6.4</v>
      </c>
    </row>
    <row r="48" spans="2:7" x14ac:dyDescent="0.2">
      <c r="B48" s="29"/>
      <c r="C48" s="2" t="s">
        <v>89</v>
      </c>
      <c r="D48" s="19">
        <v>150</v>
      </c>
      <c r="E48" s="20">
        <v>64</v>
      </c>
      <c r="F48" s="21">
        <v>74</v>
      </c>
      <c r="G48" s="22">
        <v>12</v>
      </c>
    </row>
    <row r="49" spans="2:7" x14ac:dyDescent="0.2">
      <c r="B49" s="29"/>
      <c r="C49" s="7"/>
      <c r="D49" s="23">
        <v>100</v>
      </c>
      <c r="E49" s="24">
        <v>42.7</v>
      </c>
      <c r="F49" s="25">
        <v>49.3</v>
      </c>
      <c r="G49" s="26">
        <v>8</v>
      </c>
    </row>
    <row r="50" spans="2:7" x14ac:dyDescent="0.2">
      <c r="B50" s="29"/>
      <c r="C50" s="2" t="s">
        <v>91</v>
      </c>
      <c r="D50" s="19">
        <v>60</v>
      </c>
      <c r="E50" s="20">
        <v>19</v>
      </c>
      <c r="F50" s="21">
        <v>33</v>
      </c>
      <c r="G50" s="22">
        <v>8</v>
      </c>
    </row>
    <row r="51" spans="2:7" x14ac:dyDescent="0.2">
      <c r="B51" s="29"/>
      <c r="C51" s="10"/>
      <c r="D51" s="23">
        <v>100</v>
      </c>
      <c r="E51" s="24">
        <v>31.7</v>
      </c>
      <c r="F51" s="25">
        <v>55</v>
      </c>
      <c r="G51" s="26">
        <v>13.3</v>
      </c>
    </row>
    <row r="52" spans="2:7" x14ac:dyDescent="0.2">
      <c r="B52" s="28" t="s">
        <v>33</v>
      </c>
      <c r="C52" s="9" t="s">
        <v>12</v>
      </c>
      <c r="D52" s="11">
        <v>1241</v>
      </c>
      <c r="E52" s="12">
        <v>402</v>
      </c>
      <c r="F52" s="13">
        <v>790</v>
      </c>
      <c r="G52" s="14">
        <v>49</v>
      </c>
    </row>
    <row r="53" spans="2:7" x14ac:dyDescent="0.2">
      <c r="B53" s="29"/>
      <c r="C53" s="8"/>
      <c r="D53" s="15">
        <v>100</v>
      </c>
      <c r="E53" s="16">
        <v>32.4</v>
      </c>
      <c r="F53" s="17">
        <v>63.7</v>
      </c>
      <c r="G53" s="18">
        <v>3.9</v>
      </c>
    </row>
    <row r="54" spans="2:7" x14ac:dyDescent="0.2">
      <c r="B54" s="29"/>
      <c r="C54" s="2" t="s">
        <v>57</v>
      </c>
      <c r="D54" s="19">
        <v>2</v>
      </c>
      <c r="E54" s="20" t="s">
        <v>152</v>
      </c>
      <c r="F54" s="21">
        <v>2</v>
      </c>
      <c r="G54" s="22" t="s">
        <v>152</v>
      </c>
    </row>
    <row r="55" spans="2:7" x14ac:dyDescent="0.2">
      <c r="B55" s="29"/>
      <c r="C55" s="7"/>
      <c r="D55" s="23">
        <v>100</v>
      </c>
      <c r="E55" s="24" t="s">
        <v>152</v>
      </c>
      <c r="F55" s="25">
        <v>100</v>
      </c>
      <c r="G55" s="26" t="s">
        <v>152</v>
      </c>
    </row>
    <row r="56" spans="2:7" x14ac:dyDescent="0.2">
      <c r="B56" s="29"/>
      <c r="C56" s="2" t="s">
        <v>63</v>
      </c>
      <c r="D56" s="19">
        <v>20</v>
      </c>
      <c r="E56" s="20">
        <v>9</v>
      </c>
      <c r="F56" s="21">
        <v>11</v>
      </c>
      <c r="G56" s="22" t="s">
        <v>152</v>
      </c>
    </row>
    <row r="57" spans="2:7" x14ac:dyDescent="0.2">
      <c r="B57" s="29"/>
      <c r="C57" s="7"/>
      <c r="D57" s="23">
        <v>100</v>
      </c>
      <c r="E57" s="24">
        <v>45</v>
      </c>
      <c r="F57" s="25">
        <v>55</v>
      </c>
      <c r="G57" s="26" t="s">
        <v>152</v>
      </c>
    </row>
    <row r="58" spans="2:7" x14ac:dyDescent="0.2">
      <c r="B58" s="29"/>
      <c r="C58" s="2" t="s">
        <v>148</v>
      </c>
      <c r="D58" s="19">
        <v>22</v>
      </c>
      <c r="E58" s="20">
        <v>9</v>
      </c>
      <c r="F58" s="21">
        <v>13</v>
      </c>
      <c r="G58" s="22" t="s">
        <v>152</v>
      </c>
    </row>
    <row r="59" spans="2:7" x14ac:dyDescent="0.2">
      <c r="B59" s="29"/>
      <c r="C59" s="7"/>
      <c r="D59" s="23">
        <v>100</v>
      </c>
      <c r="E59" s="24">
        <v>40.909090909090914</v>
      </c>
      <c r="F59" s="25">
        <v>59.090909090909093</v>
      </c>
      <c r="G59" s="26" t="s">
        <v>152</v>
      </c>
    </row>
    <row r="60" spans="2:7" x14ac:dyDescent="0.2">
      <c r="B60" s="29"/>
      <c r="C60" s="2" t="s">
        <v>64</v>
      </c>
      <c r="D60" s="19">
        <v>51</v>
      </c>
      <c r="E60" s="20">
        <v>18</v>
      </c>
      <c r="F60" s="21">
        <v>33</v>
      </c>
      <c r="G60" s="22" t="s">
        <v>152</v>
      </c>
    </row>
    <row r="61" spans="2:7" x14ac:dyDescent="0.2">
      <c r="B61" s="29"/>
      <c r="C61" s="7"/>
      <c r="D61" s="23">
        <v>100</v>
      </c>
      <c r="E61" s="24">
        <v>35.299999999999997</v>
      </c>
      <c r="F61" s="25">
        <v>64.7</v>
      </c>
      <c r="G61" s="26" t="s">
        <v>152</v>
      </c>
    </row>
    <row r="62" spans="2:7" x14ac:dyDescent="0.2">
      <c r="B62" s="29"/>
      <c r="C62" s="2" t="s">
        <v>65</v>
      </c>
      <c r="D62" s="19">
        <v>88</v>
      </c>
      <c r="E62" s="20">
        <v>29</v>
      </c>
      <c r="F62" s="21">
        <v>59</v>
      </c>
      <c r="G62" s="22" t="s">
        <v>152</v>
      </c>
    </row>
    <row r="63" spans="2:7" x14ac:dyDescent="0.2">
      <c r="B63" s="29"/>
      <c r="C63" s="7"/>
      <c r="D63" s="23">
        <v>100</v>
      </c>
      <c r="E63" s="24">
        <v>33</v>
      </c>
      <c r="F63" s="25">
        <v>67</v>
      </c>
      <c r="G63" s="26" t="s">
        <v>152</v>
      </c>
    </row>
    <row r="64" spans="2:7" x14ac:dyDescent="0.2">
      <c r="B64" s="29"/>
      <c r="C64" s="2" t="s">
        <v>66</v>
      </c>
      <c r="D64" s="19">
        <v>146</v>
      </c>
      <c r="E64" s="20">
        <v>27</v>
      </c>
      <c r="F64" s="21">
        <v>115</v>
      </c>
      <c r="G64" s="22">
        <v>4</v>
      </c>
    </row>
    <row r="65" spans="2:7" x14ac:dyDescent="0.2">
      <c r="B65" s="29"/>
      <c r="C65" s="7"/>
      <c r="D65" s="23">
        <v>100</v>
      </c>
      <c r="E65" s="24">
        <v>18.5</v>
      </c>
      <c r="F65" s="25">
        <v>78.8</v>
      </c>
      <c r="G65" s="26">
        <v>2.7</v>
      </c>
    </row>
    <row r="66" spans="2:7" x14ac:dyDescent="0.2">
      <c r="B66" s="29"/>
      <c r="C66" s="2" t="s">
        <v>67</v>
      </c>
      <c r="D66" s="19">
        <v>133</v>
      </c>
      <c r="E66" s="20">
        <v>46</v>
      </c>
      <c r="F66" s="21">
        <v>84</v>
      </c>
      <c r="G66" s="22">
        <v>3</v>
      </c>
    </row>
    <row r="67" spans="2:7" x14ac:dyDescent="0.2">
      <c r="B67" s="29"/>
      <c r="C67" s="7"/>
      <c r="D67" s="23">
        <v>100</v>
      </c>
      <c r="E67" s="24">
        <v>34.6</v>
      </c>
      <c r="F67" s="25">
        <v>63.2</v>
      </c>
      <c r="G67" s="26">
        <v>2.2999999999999998</v>
      </c>
    </row>
    <row r="68" spans="2:7" x14ac:dyDescent="0.2">
      <c r="B68" s="29"/>
      <c r="C68" s="2" t="s">
        <v>58</v>
      </c>
      <c r="D68" s="19">
        <v>57</v>
      </c>
      <c r="E68" s="20">
        <v>30</v>
      </c>
      <c r="F68" s="21">
        <v>24</v>
      </c>
      <c r="G68" s="22">
        <v>3</v>
      </c>
    </row>
    <row r="69" spans="2:7" x14ac:dyDescent="0.2">
      <c r="B69" s="29"/>
      <c r="C69" s="7"/>
      <c r="D69" s="23">
        <v>100</v>
      </c>
      <c r="E69" s="24">
        <v>52.6</v>
      </c>
      <c r="F69" s="25">
        <v>42.1</v>
      </c>
      <c r="G69" s="26">
        <v>5.3</v>
      </c>
    </row>
    <row r="70" spans="2:7" x14ac:dyDescent="0.2">
      <c r="B70" s="29"/>
      <c r="C70" s="2" t="s">
        <v>68</v>
      </c>
      <c r="D70" s="19">
        <v>65</v>
      </c>
      <c r="E70" s="20">
        <v>27</v>
      </c>
      <c r="F70" s="21">
        <v>35</v>
      </c>
      <c r="G70" s="22">
        <v>3</v>
      </c>
    </row>
    <row r="71" spans="2:7" x14ac:dyDescent="0.2">
      <c r="B71" s="29"/>
      <c r="C71" s="7"/>
      <c r="D71" s="23">
        <v>100</v>
      </c>
      <c r="E71" s="24">
        <v>41.5</v>
      </c>
      <c r="F71" s="25">
        <v>53.8</v>
      </c>
      <c r="G71" s="26">
        <v>4.5999999999999996</v>
      </c>
    </row>
    <row r="72" spans="2:7" x14ac:dyDescent="0.2">
      <c r="B72" s="29"/>
      <c r="C72" s="2" t="s">
        <v>59</v>
      </c>
      <c r="D72" s="19">
        <v>1</v>
      </c>
      <c r="E72" s="20" t="s">
        <v>152</v>
      </c>
      <c r="F72" s="21">
        <v>1</v>
      </c>
      <c r="G72" s="22" t="s">
        <v>152</v>
      </c>
    </row>
    <row r="73" spans="2:7" x14ac:dyDescent="0.2">
      <c r="B73" s="29"/>
      <c r="C73" s="7"/>
      <c r="D73" s="23">
        <v>100</v>
      </c>
      <c r="E73" s="24" t="s">
        <v>152</v>
      </c>
      <c r="F73" s="25">
        <v>100</v>
      </c>
      <c r="G73" s="26" t="s">
        <v>152</v>
      </c>
    </row>
    <row r="74" spans="2:7" x14ac:dyDescent="0.2">
      <c r="B74" s="29"/>
      <c r="C74" s="2" t="s">
        <v>69</v>
      </c>
      <c r="D74" s="19">
        <v>29</v>
      </c>
      <c r="E74" s="20">
        <v>7</v>
      </c>
      <c r="F74" s="21">
        <v>22</v>
      </c>
      <c r="G74" s="22" t="s">
        <v>152</v>
      </c>
    </row>
    <row r="75" spans="2:7" x14ac:dyDescent="0.2">
      <c r="B75" s="29"/>
      <c r="C75" s="7"/>
      <c r="D75" s="23">
        <v>100</v>
      </c>
      <c r="E75" s="24">
        <v>24.1</v>
      </c>
      <c r="F75" s="25">
        <v>75.900000000000006</v>
      </c>
      <c r="G75" s="26" t="s">
        <v>152</v>
      </c>
    </row>
    <row r="76" spans="2:7" x14ac:dyDescent="0.2">
      <c r="B76" s="29"/>
      <c r="C76" s="2" t="s">
        <v>149</v>
      </c>
      <c r="D76" s="19">
        <v>30</v>
      </c>
      <c r="E76" s="20">
        <v>7</v>
      </c>
      <c r="F76" s="21">
        <v>23</v>
      </c>
      <c r="G76" s="22" t="s">
        <v>152</v>
      </c>
    </row>
    <row r="77" spans="2:7" x14ac:dyDescent="0.2">
      <c r="B77" s="29"/>
      <c r="C77" s="7"/>
      <c r="D77" s="23">
        <v>100</v>
      </c>
      <c r="E77" s="24">
        <v>23.333333333333332</v>
      </c>
      <c r="F77" s="25">
        <v>76.666666666666671</v>
      </c>
      <c r="G77" s="26" t="s">
        <v>152</v>
      </c>
    </row>
    <row r="78" spans="2:7" x14ac:dyDescent="0.2">
      <c r="B78" s="29"/>
      <c r="C78" s="2" t="s">
        <v>70</v>
      </c>
      <c r="D78" s="19">
        <v>64</v>
      </c>
      <c r="E78" s="20">
        <v>15</v>
      </c>
      <c r="F78" s="21">
        <v>44</v>
      </c>
      <c r="G78" s="22">
        <v>5</v>
      </c>
    </row>
    <row r="79" spans="2:7" x14ac:dyDescent="0.2">
      <c r="B79" s="29"/>
      <c r="C79" s="7"/>
      <c r="D79" s="23">
        <v>100</v>
      </c>
      <c r="E79" s="24">
        <v>23.4</v>
      </c>
      <c r="F79" s="25">
        <v>68.8</v>
      </c>
      <c r="G79" s="26">
        <v>7.8</v>
      </c>
    </row>
    <row r="80" spans="2:7" x14ac:dyDescent="0.2">
      <c r="B80" s="29"/>
      <c r="C80" s="2" t="s">
        <v>71</v>
      </c>
      <c r="D80" s="19">
        <v>112</v>
      </c>
      <c r="E80" s="20">
        <v>26</v>
      </c>
      <c r="F80" s="21">
        <v>83</v>
      </c>
      <c r="G80" s="22">
        <v>3</v>
      </c>
    </row>
    <row r="81" spans="2:7" x14ac:dyDescent="0.2">
      <c r="B81" s="29"/>
      <c r="C81" s="7"/>
      <c r="D81" s="23">
        <v>100</v>
      </c>
      <c r="E81" s="24">
        <v>23.2</v>
      </c>
      <c r="F81" s="25">
        <v>74.099999999999994</v>
      </c>
      <c r="G81" s="26">
        <v>2.7</v>
      </c>
    </row>
    <row r="82" spans="2:7" x14ac:dyDescent="0.2">
      <c r="B82" s="29"/>
      <c r="C82" s="2" t="s">
        <v>72</v>
      </c>
      <c r="D82" s="19">
        <v>137</v>
      </c>
      <c r="E82" s="20">
        <v>35</v>
      </c>
      <c r="F82" s="21">
        <v>99</v>
      </c>
      <c r="G82" s="22">
        <v>3</v>
      </c>
    </row>
    <row r="83" spans="2:7" x14ac:dyDescent="0.2">
      <c r="B83" s="29"/>
      <c r="C83" s="7"/>
      <c r="D83" s="23">
        <v>100</v>
      </c>
      <c r="E83" s="24">
        <v>25.5</v>
      </c>
      <c r="F83" s="25">
        <v>72.3</v>
      </c>
      <c r="G83" s="26">
        <v>2.2000000000000002</v>
      </c>
    </row>
    <row r="84" spans="2:7" x14ac:dyDescent="0.2">
      <c r="B84" s="29"/>
      <c r="C84" s="2" t="s">
        <v>73</v>
      </c>
      <c r="D84" s="19">
        <v>112</v>
      </c>
      <c r="E84" s="20">
        <v>48</v>
      </c>
      <c r="F84" s="21">
        <v>61</v>
      </c>
      <c r="G84" s="22">
        <v>3</v>
      </c>
    </row>
    <row r="85" spans="2:7" x14ac:dyDescent="0.2">
      <c r="B85" s="29"/>
      <c r="C85" s="7"/>
      <c r="D85" s="23">
        <v>100</v>
      </c>
      <c r="E85" s="24">
        <v>42.9</v>
      </c>
      <c r="F85" s="25">
        <v>54.5</v>
      </c>
      <c r="G85" s="26">
        <v>2.7</v>
      </c>
    </row>
    <row r="86" spans="2:7" x14ac:dyDescent="0.2">
      <c r="B86" s="29"/>
      <c r="C86" s="2" t="s">
        <v>60</v>
      </c>
      <c r="D86" s="19">
        <v>66</v>
      </c>
      <c r="E86" s="20">
        <v>26</v>
      </c>
      <c r="F86" s="21">
        <v>35</v>
      </c>
      <c r="G86" s="22">
        <v>5</v>
      </c>
    </row>
    <row r="87" spans="2:7" x14ac:dyDescent="0.2">
      <c r="B87" s="29"/>
      <c r="C87" s="7"/>
      <c r="D87" s="23">
        <v>100</v>
      </c>
      <c r="E87" s="24">
        <v>39.4</v>
      </c>
      <c r="F87" s="25">
        <v>53</v>
      </c>
      <c r="G87" s="26">
        <v>7.6</v>
      </c>
    </row>
    <row r="88" spans="2:7" x14ac:dyDescent="0.2">
      <c r="B88" s="29"/>
      <c r="C88" s="2" t="s">
        <v>74</v>
      </c>
      <c r="D88" s="19">
        <v>83</v>
      </c>
      <c r="E88" s="20">
        <v>35</v>
      </c>
      <c r="F88" s="21">
        <v>39</v>
      </c>
      <c r="G88" s="22">
        <v>9</v>
      </c>
    </row>
    <row r="89" spans="2:7" x14ac:dyDescent="0.2">
      <c r="B89" s="29"/>
      <c r="C89" s="7"/>
      <c r="D89" s="23">
        <v>100</v>
      </c>
      <c r="E89" s="24">
        <v>42.2</v>
      </c>
      <c r="F89" s="25">
        <v>47</v>
      </c>
      <c r="G89" s="26">
        <v>10.8</v>
      </c>
    </row>
    <row r="90" spans="2:7" x14ac:dyDescent="0.2">
      <c r="B90" s="29"/>
      <c r="C90" s="2" t="s">
        <v>0</v>
      </c>
      <c r="D90" s="19">
        <v>75</v>
      </c>
      <c r="E90" s="20">
        <v>24</v>
      </c>
      <c r="F90" s="21">
        <v>43</v>
      </c>
      <c r="G90" s="22">
        <v>8</v>
      </c>
    </row>
    <row r="91" spans="2:7" x14ac:dyDescent="0.2">
      <c r="B91" s="29"/>
      <c r="C91" s="7"/>
      <c r="D91" s="23">
        <v>100</v>
      </c>
      <c r="E91" s="24">
        <v>32</v>
      </c>
      <c r="F91" s="25">
        <v>57.3</v>
      </c>
      <c r="G91" s="26">
        <v>10.7</v>
      </c>
    </row>
    <row r="92" spans="2:7" x14ac:dyDescent="0.2">
      <c r="B92" s="28" t="s">
        <v>32</v>
      </c>
      <c r="C92" s="9" t="s">
        <v>12</v>
      </c>
      <c r="D92" s="11">
        <v>1241</v>
      </c>
      <c r="E92" s="12">
        <v>402</v>
      </c>
      <c r="F92" s="13">
        <v>790</v>
      </c>
      <c r="G92" s="14">
        <v>49</v>
      </c>
    </row>
    <row r="93" spans="2:7" x14ac:dyDescent="0.2">
      <c r="B93" s="29"/>
      <c r="C93" s="8"/>
      <c r="D93" s="15">
        <v>100</v>
      </c>
      <c r="E93" s="16">
        <v>32.4</v>
      </c>
      <c r="F93" s="17">
        <v>63.7</v>
      </c>
      <c r="G93" s="18">
        <v>3.9</v>
      </c>
    </row>
    <row r="94" spans="2:7" x14ac:dyDescent="0.2">
      <c r="B94" s="29"/>
      <c r="C94" s="2" t="s">
        <v>21</v>
      </c>
      <c r="D94" s="19">
        <v>65</v>
      </c>
      <c r="E94" s="20">
        <v>15</v>
      </c>
      <c r="F94" s="21">
        <v>47</v>
      </c>
      <c r="G94" s="22">
        <v>3</v>
      </c>
    </row>
    <row r="95" spans="2:7" x14ac:dyDescent="0.2">
      <c r="B95" s="29"/>
      <c r="C95" s="7"/>
      <c r="D95" s="23">
        <v>100</v>
      </c>
      <c r="E95" s="24">
        <v>23.1</v>
      </c>
      <c r="F95" s="25">
        <v>72.3</v>
      </c>
      <c r="G95" s="26">
        <v>4.5999999999999996</v>
      </c>
    </row>
    <row r="96" spans="2:7" x14ac:dyDescent="0.2">
      <c r="B96" s="29"/>
      <c r="C96" s="2" t="s">
        <v>20</v>
      </c>
      <c r="D96" s="19">
        <v>7</v>
      </c>
      <c r="E96" s="20">
        <v>1</v>
      </c>
      <c r="F96" s="21">
        <v>6</v>
      </c>
      <c r="G96" s="22" t="s">
        <v>152</v>
      </c>
    </row>
    <row r="97" spans="2:7" x14ac:dyDescent="0.2">
      <c r="B97" s="29"/>
      <c r="C97" s="7"/>
      <c r="D97" s="23">
        <v>100</v>
      </c>
      <c r="E97" s="24">
        <v>14.3</v>
      </c>
      <c r="F97" s="25">
        <v>85.7</v>
      </c>
      <c r="G97" s="26" t="s">
        <v>152</v>
      </c>
    </row>
    <row r="98" spans="2:7" x14ac:dyDescent="0.2">
      <c r="B98" s="29"/>
      <c r="C98" s="2" t="s">
        <v>19</v>
      </c>
      <c r="D98" s="19">
        <v>484</v>
      </c>
      <c r="E98" s="20">
        <v>134</v>
      </c>
      <c r="F98" s="21">
        <v>341</v>
      </c>
      <c r="G98" s="22">
        <v>9</v>
      </c>
    </row>
    <row r="99" spans="2:7" x14ac:dyDescent="0.2">
      <c r="B99" s="29"/>
      <c r="C99" s="7"/>
      <c r="D99" s="23">
        <v>100</v>
      </c>
      <c r="E99" s="24">
        <v>27.7</v>
      </c>
      <c r="F99" s="25">
        <v>70.5</v>
      </c>
      <c r="G99" s="26">
        <v>1.9</v>
      </c>
    </row>
    <row r="100" spans="2:7" x14ac:dyDescent="0.2">
      <c r="B100" s="29"/>
      <c r="C100" s="2" t="s">
        <v>18</v>
      </c>
      <c r="D100" s="19">
        <v>195</v>
      </c>
      <c r="E100" s="20">
        <v>59</v>
      </c>
      <c r="F100" s="21">
        <v>129</v>
      </c>
      <c r="G100" s="22">
        <v>7</v>
      </c>
    </row>
    <row r="101" spans="2:7" x14ac:dyDescent="0.2">
      <c r="B101" s="29"/>
      <c r="C101" s="7"/>
      <c r="D101" s="23">
        <v>100</v>
      </c>
      <c r="E101" s="24">
        <v>30.3</v>
      </c>
      <c r="F101" s="25">
        <v>66.2</v>
      </c>
      <c r="G101" s="26">
        <v>3.6</v>
      </c>
    </row>
    <row r="102" spans="2:7" x14ac:dyDescent="0.2">
      <c r="B102" s="29"/>
      <c r="C102" s="2" t="s">
        <v>17</v>
      </c>
      <c r="D102" s="19">
        <v>1</v>
      </c>
      <c r="E102" s="20">
        <v>1</v>
      </c>
      <c r="F102" s="21" t="s">
        <v>152</v>
      </c>
      <c r="G102" s="22" t="s">
        <v>152</v>
      </c>
    </row>
    <row r="103" spans="2:7" x14ac:dyDescent="0.2">
      <c r="B103" s="29"/>
      <c r="C103" s="7"/>
      <c r="D103" s="23">
        <v>100</v>
      </c>
      <c r="E103" s="24">
        <v>100</v>
      </c>
      <c r="F103" s="25" t="s">
        <v>152</v>
      </c>
      <c r="G103" s="26" t="s">
        <v>152</v>
      </c>
    </row>
    <row r="104" spans="2:7" x14ac:dyDescent="0.2">
      <c r="B104" s="29"/>
      <c r="C104" s="2" t="s">
        <v>151</v>
      </c>
      <c r="D104" s="19">
        <v>178</v>
      </c>
      <c r="E104" s="20">
        <v>72</v>
      </c>
      <c r="F104" s="21">
        <v>97</v>
      </c>
      <c r="G104" s="22">
        <v>9</v>
      </c>
    </row>
    <row r="105" spans="2:7" x14ac:dyDescent="0.2">
      <c r="B105" s="29"/>
      <c r="C105" s="7"/>
      <c r="D105" s="23">
        <v>100</v>
      </c>
      <c r="E105" s="24">
        <v>40.4</v>
      </c>
      <c r="F105" s="25">
        <v>54.5</v>
      </c>
      <c r="G105" s="26">
        <v>5.0999999999999996</v>
      </c>
    </row>
    <row r="106" spans="2:7" x14ac:dyDescent="0.2">
      <c r="B106" s="29"/>
      <c r="C106" s="2" t="s">
        <v>16</v>
      </c>
      <c r="D106" s="19">
        <v>10</v>
      </c>
      <c r="E106" s="20">
        <v>3</v>
      </c>
      <c r="F106" s="21">
        <v>7</v>
      </c>
      <c r="G106" s="22" t="s">
        <v>152</v>
      </c>
    </row>
    <row r="107" spans="2:7" x14ac:dyDescent="0.2">
      <c r="B107" s="29"/>
      <c r="C107" s="7"/>
      <c r="D107" s="23">
        <v>100</v>
      </c>
      <c r="E107" s="24">
        <v>30</v>
      </c>
      <c r="F107" s="25">
        <v>70</v>
      </c>
      <c r="G107" s="26" t="s">
        <v>152</v>
      </c>
    </row>
    <row r="108" spans="2:7" x14ac:dyDescent="0.2">
      <c r="B108" s="29"/>
      <c r="C108" s="2" t="s">
        <v>15</v>
      </c>
      <c r="D108" s="19">
        <v>211</v>
      </c>
      <c r="E108" s="20">
        <v>84</v>
      </c>
      <c r="F108" s="21">
        <v>115</v>
      </c>
      <c r="G108" s="22">
        <v>12</v>
      </c>
    </row>
    <row r="109" spans="2:7" x14ac:dyDescent="0.2">
      <c r="B109" s="29"/>
      <c r="C109" s="7"/>
      <c r="D109" s="23">
        <v>100</v>
      </c>
      <c r="E109" s="24">
        <v>39.799999999999997</v>
      </c>
      <c r="F109" s="25">
        <v>54.5</v>
      </c>
      <c r="G109" s="26">
        <v>5.7</v>
      </c>
    </row>
    <row r="110" spans="2:7" x14ac:dyDescent="0.2">
      <c r="B110" s="29"/>
      <c r="C110" s="2" t="s">
        <v>14</v>
      </c>
      <c r="D110" s="19">
        <v>12</v>
      </c>
      <c r="E110" s="20">
        <v>6</v>
      </c>
      <c r="F110" s="21">
        <v>6</v>
      </c>
      <c r="G110" s="22" t="s">
        <v>152</v>
      </c>
    </row>
    <row r="111" spans="2:7" x14ac:dyDescent="0.2">
      <c r="B111" s="29"/>
      <c r="C111" s="7"/>
      <c r="D111" s="23">
        <v>100</v>
      </c>
      <c r="E111" s="24">
        <v>50</v>
      </c>
      <c r="F111" s="25">
        <v>50</v>
      </c>
      <c r="G111" s="26" t="s">
        <v>152</v>
      </c>
    </row>
    <row r="112" spans="2:7" x14ac:dyDescent="0.2">
      <c r="B112" s="29"/>
      <c r="C112" s="2" t="s">
        <v>13</v>
      </c>
      <c r="D112" s="19">
        <v>78</v>
      </c>
      <c r="E112" s="20">
        <v>27</v>
      </c>
      <c r="F112" s="21">
        <v>42</v>
      </c>
      <c r="G112" s="22">
        <v>9</v>
      </c>
    </row>
    <row r="113" spans="2:7" x14ac:dyDescent="0.2">
      <c r="B113" s="30"/>
      <c r="C113" s="10"/>
      <c r="D113" s="15">
        <v>100</v>
      </c>
      <c r="E113" s="16">
        <v>34.6</v>
      </c>
      <c r="F113" s="17">
        <v>53.8</v>
      </c>
      <c r="G113" s="18">
        <v>11.5</v>
      </c>
    </row>
    <row r="114" spans="2:7" x14ac:dyDescent="0.2">
      <c r="B114" s="28" t="s">
        <v>31</v>
      </c>
      <c r="C114" s="9" t="s">
        <v>12</v>
      </c>
      <c r="D114" s="11">
        <v>752</v>
      </c>
      <c r="E114" s="12">
        <v>210</v>
      </c>
      <c r="F114" s="13">
        <v>523</v>
      </c>
      <c r="G114" s="14">
        <v>19</v>
      </c>
    </row>
    <row r="115" spans="2:7" x14ac:dyDescent="0.2">
      <c r="B115" s="29"/>
      <c r="C115" s="8"/>
      <c r="D115" s="15">
        <v>100</v>
      </c>
      <c r="E115" s="16">
        <v>27.9</v>
      </c>
      <c r="F115" s="17">
        <v>69.5</v>
      </c>
      <c r="G115" s="18">
        <v>2.5</v>
      </c>
    </row>
    <row r="116" spans="2:7" x14ac:dyDescent="0.2">
      <c r="B116" s="29"/>
      <c r="C116" s="2" t="s">
        <v>11</v>
      </c>
      <c r="D116" s="19">
        <v>2</v>
      </c>
      <c r="E116" s="20" t="s">
        <v>152</v>
      </c>
      <c r="F116" s="21">
        <v>1</v>
      </c>
      <c r="G116" s="22">
        <v>1</v>
      </c>
    </row>
    <row r="117" spans="2:7" x14ac:dyDescent="0.2">
      <c r="B117" s="29"/>
      <c r="C117" s="7"/>
      <c r="D117" s="23">
        <v>100</v>
      </c>
      <c r="E117" s="24" t="s">
        <v>152</v>
      </c>
      <c r="F117" s="25">
        <v>50</v>
      </c>
      <c r="G117" s="26">
        <v>50</v>
      </c>
    </row>
    <row r="118" spans="2:7" x14ac:dyDescent="0.2">
      <c r="B118" s="29"/>
      <c r="C118" s="2" t="s">
        <v>10</v>
      </c>
      <c r="D118" s="19">
        <v>32</v>
      </c>
      <c r="E118" s="20">
        <v>8</v>
      </c>
      <c r="F118" s="21">
        <v>23</v>
      </c>
      <c r="G118" s="22">
        <v>1</v>
      </c>
    </row>
    <row r="119" spans="2:7" x14ac:dyDescent="0.2">
      <c r="B119" s="29"/>
      <c r="C119" s="7"/>
      <c r="D119" s="23">
        <v>100</v>
      </c>
      <c r="E119" s="24">
        <v>25</v>
      </c>
      <c r="F119" s="25">
        <v>71.900000000000006</v>
      </c>
      <c r="G119" s="26">
        <v>3.1</v>
      </c>
    </row>
    <row r="120" spans="2:7" x14ac:dyDescent="0.2">
      <c r="B120" s="29"/>
      <c r="C120" s="2" t="s">
        <v>9</v>
      </c>
      <c r="D120" s="19">
        <v>33</v>
      </c>
      <c r="E120" s="20">
        <v>7</v>
      </c>
      <c r="F120" s="21">
        <v>25</v>
      </c>
      <c r="G120" s="22">
        <v>1</v>
      </c>
    </row>
    <row r="121" spans="2:7" x14ac:dyDescent="0.2">
      <c r="B121" s="29"/>
      <c r="C121" s="7"/>
      <c r="D121" s="23">
        <v>100</v>
      </c>
      <c r="E121" s="24">
        <v>21.2</v>
      </c>
      <c r="F121" s="25">
        <v>75.8</v>
      </c>
      <c r="G121" s="26">
        <v>3</v>
      </c>
    </row>
    <row r="122" spans="2:7" x14ac:dyDescent="0.2">
      <c r="B122" s="29"/>
      <c r="C122" s="2" t="s">
        <v>8</v>
      </c>
      <c r="D122" s="19">
        <v>71</v>
      </c>
      <c r="E122" s="20">
        <v>22</v>
      </c>
      <c r="F122" s="21">
        <v>48</v>
      </c>
      <c r="G122" s="22">
        <v>1</v>
      </c>
    </row>
    <row r="123" spans="2:7" x14ac:dyDescent="0.2">
      <c r="B123" s="29"/>
      <c r="C123" s="7"/>
      <c r="D123" s="23">
        <v>100</v>
      </c>
      <c r="E123" s="24">
        <v>31</v>
      </c>
      <c r="F123" s="25">
        <v>67.599999999999994</v>
      </c>
      <c r="G123" s="26">
        <v>1.4</v>
      </c>
    </row>
    <row r="124" spans="2:7" x14ac:dyDescent="0.2">
      <c r="B124" s="29"/>
      <c r="C124" s="2" t="s">
        <v>7</v>
      </c>
      <c r="D124" s="19">
        <v>152</v>
      </c>
      <c r="E124" s="20">
        <v>46</v>
      </c>
      <c r="F124" s="21">
        <v>101</v>
      </c>
      <c r="G124" s="22">
        <v>5</v>
      </c>
    </row>
    <row r="125" spans="2:7" x14ac:dyDescent="0.2">
      <c r="B125" s="29"/>
      <c r="C125" s="7"/>
      <c r="D125" s="23">
        <v>100</v>
      </c>
      <c r="E125" s="24">
        <v>30.3</v>
      </c>
      <c r="F125" s="25">
        <v>66.400000000000006</v>
      </c>
      <c r="G125" s="26">
        <v>3.3</v>
      </c>
    </row>
    <row r="126" spans="2:7" x14ac:dyDescent="0.2">
      <c r="B126" s="29"/>
      <c r="C126" s="2" t="s">
        <v>6</v>
      </c>
      <c r="D126" s="19">
        <v>176</v>
      </c>
      <c r="E126" s="20">
        <v>40</v>
      </c>
      <c r="F126" s="21">
        <v>135</v>
      </c>
      <c r="G126" s="22">
        <v>1</v>
      </c>
    </row>
    <row r="127" spans="2:7" x14ac:dyDescent="0.2">
      <c r="B127" s="29"/>
      <c r="C127" s="7"/>
      <c r="D127" s="23">
        <v>100</v>
      </c>
      <c r="E127" s="24">
        <v>22.7</v>
      </c>
      <c r="F127" s="25">
        <v>76.7</v>
      </c>
      <c r="G127" s="26">
        <v>0.6</v>
      </c>
    </row>
    <row r="128" spans="2:7" x14ac:dyDescent="0.2">
      <c r="B128" s="29"/>
      <c r="C128" s="2" t="s">
        <v>5</v>
      </c>
      <c r="D128" s="19">
        <v>37</v>
      </c>
      <c r="E128" s="20">
        <v>13</v>
      </c>
      <c r="F128" s="21">
        <v>22</v>
      </c>
      <c r="G128" s="22">
        <v>2</v>
      </c>
    </row>
    <row r="129" spans="2:7" x14ac:dyDescent="0.2">
      <c r="B129" s="29"/>
      <c r="C129" s="7"/>
      <c r="D129" s="23">
        <v>100</v>
      </c>
      <c r="E129" s="24">
        <v>35.1</v>
      </c>
      <c r="F129" s="25">
        <v>59.5</v>
      </c>
      <c r="G129" s="26">
        <v>5.4</v>
      </c>
    </row>
    <row r="130" spans="2:7" x14ac:dyDescent="0.2">
      <c r="B130" s="29"/>
      <c r="C130" s="2" t="s">
        <v>4</v>
      </c>
      <c r="D130" s="19">
        <v>67</v>
      </c>
      <c r="E130" s="20">
        <v>23</v>
      </c>
      <c r="F130" s="21">
        <v>43</v>
      </c>
      <c r="G130" s="22">
        <v>1</v>
      </c>
    </row>
    <row r="131" spans="2:7" x14ac:dyDescent="0.2">
      <c r="B131" s="29"/>
      <c r="C131" s="7"/>
      <c r="D131" s="23">
        <v>100</v>
      </c>
      <c r="E131" s="24">
        <v>34.299999999999997</v>
      </c>
      <c r="F131" s="25">
        <v>64.2</v>
      </c>
      <c r="G131" s="26">
        <v>1.5</v>
      </c>
    </row>
    <row r="132" spans="2:7" x14ac:dyDescent="0.2">
      <c r="B132" s="29"/>
      <c r="C132" s="2" t="s">
        <v>3</v>
      </c>
      <c r="D132" s="19">
        <v>159</v>
      </c>
      <c r="E132" s="20">
        <v>43</v>
      </c>
      <c r="F132" s="21">
        <v>111</v>
      </c>
      <c r="G132" s="22">
        <v>5</v>
      </c>
    </row>
    <row r="133" spans="2:7" x14ac:dyDescent="0.2">
      <c r="B133" s="29"/>
      <c r="C133" s="7"/>
      <c r="D133" s="23">
        <v>100</v>
      </c>
      <c r="E133" s="24">
        <v>27</v>
      </c>
      <c r="F133" s="25">
        <v>69.8</v>
      </c>
      <c r="G133" s="26">
        <v>3.1</v>
      </c>
    </row>
    <row r="134" spans="2:7" x14ac:dyDescent="0.2">
      <c r="B134" s="29"/>
      <c r="C134" s="2" t="s">
        <v>2</v>
      </c>
      <c r="D134" s="19">
        <v>23</v>
      </c>
      <c r="E134" s="20">
        <v>8</v>
      </c>
      <c r="F134" s="21">
        <v>14</v>
      </c>
      <c r="G134" s="22">
        <v>1</v>
      </c>
    </row>
    <row r="135" spans="2:7" x14ac:dyDescent="0.2">
      <c r="B135" s="30"/>
      <c r="C135" s="10"/>
      <c r="D135" s="15">
        <v>100</v>
      </c>
      <c r="E135" s="16">
        <v>34.799999999999997</v>
      </c>
      <c r="F135" s="17">
        <v>60.9</v>
      </c>
      <c r="G135" s="18">
        <v>4.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79</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402</v>
      </c>
      <c r="F4" s="13">
        <v>790</v>
      </c>
      <c r="G4" s="14">
        <v>49</v>
      </c>
    </row>
    <row r="5" spans="2:7" x14ac:dyDescent="0.2">
      <c r="B5" s="29"/>
      <c r="C5" s="8"/>
      <c r="D5" s="15">
        <v>100</v>
      </c>
      <c r="E5" s="16">
        <v>32.4</v>
      </c>
      <c r="F5" s="17">
        <v>63.7</v>
      </c>
      <c r="G5" s="18">
        <v>3.9</v>
      </c>
    </row>
    <row r="6" spans="2:7" x14ac:dyDescent="0.2">
      <c r="B6" s="29"/>
      <c r="C6" s="2" t="s">
        <v>52</v>
      </c>
      <c r="D6" s="19">
        <v>557</v>
      </c>
      <c r="E6" s="20">
        <v>208</v>
      </c>
      <c r="F6" s="21">
        <v>327</v>
      </c>
      <c r="G6" s="22">
        <v>22</v>
      </c>
    </row>
    <row r="7" spans="2:7" x14ac:dyDescent="0.2">
      <c r="B7" s="29"/>
      <c r="C7" s="7"/>
      <c r="D7" s="23">
        <v>100</v>
      </c>
      <c r="E7" s="24">
        <v>37.299999999999997</v>
      </c>
      <c r="F7" s="25">
        <v>58.7</v>
      </c>
      <c r="G7" s="26">
        <v>3.9</v>
      </c>
    </row>
    <row r="8" spans="2:7" x14ac:dyDescent="0.2">
      <c r="B8" s="29"/>
      <c r="C8" s="2" t="s">
        <v>51</v>
      </c>
      <c r="D8" s="19">
        <v>595</v>
      </c>
      <c r="E8" s="20">
        <v>164</v>
      </c>
      <c r="F8" s="21">
        <v>416</v>
      </c>
      <c r="G8" s="22">
        <v>15</v>
      </c>
    </row>
    <row r="9" spans="2:7" x14ac:dyDescent="0.2">
      <c r="B9" s="29"/>
      <c r="C9" s="7"/>
      <c r="D9" s="23">
        <v>100</v>
      </c>
      <c r="E9" s="24">
        <v>27.6</v>
      </c>
      <c r="F9" s="25">
        <v>69.900000000000006</v>
      </c>
      <c r="G9" s="26">
        <v>2.5</v>
      </c>
    </row>
    <row r="10" spans="2:7" x14ac:dyDescent="0.2">
      <c r="B10" s="29"/>
      <c r="C10" s="2" t="s">
        <v>13</v>
      </c>
      <c r="D10" s="19">
        <v>89</v>
      </c>
      <c r="E10" s="20">
        <v>30</v>
      </c>
      <c r="F10" s="21">
        <v>47</v>
      </c>
      <c r="G10" s="22">
        <v>12</v>
      </c>
    </row>
    <row r="11" spans="2:7" x14ac:dyDescent="0.2">
      <c r="B11" s="30"/>
      <c r="C11" s="10"/>
      <c r="D11" s="15">
        <v>100</v>
      </c>
      <c r="E11" s="16">
        <v>33.700000000000003</v>
      </c>
      <c r="F11" s="17">
        <v>52.8</v>
      </c>
      <c r="G11" s="18">
        <v>13.5</v>
      </c>
    </row>
    <row r="12" spans="2:7" x14ac:dyDescent="0.2">
      <c r="B12" s="28" t="s">
        <v>54</v>
      </c>
      <c r="C12" s="9" t="s">
        <v>12</v>
      </c>
      <c r="D12" s="11">
        <v>1241</v>
      </c>
      <c r="E12" s="12">
        <v>402</v>
      </c>
      <c r="F12" s="13">
        <v>790</v>
      </c>
      <c r="G12" s="14">
        <v>49</v>
      </c>
    </row>
    <row r="13" spans="2:7" x14ac:dyDescent="0.2">
      <c r="B13" s="29"/>
      <c r="C13" s="8"/>
      <c r="D13" s="15">
        <v>100</v>
      </c>
      <c r="E13" s="16">
        <v>32.4</v>
      </c>
      <c r="F13" s="17">
        <v>63.7</v>
      </c>
      <c r="G13" s="18">
        <v>3.9</v>
      </c>
    </row>
    <row r="14" spans="2:7" x14ac:dyDescent="0.2">
      <c r="B14" s="29"/>
      <c r="C14" s="2" t="s">
        <v>50</v>
      </c>
      <c r="D14" s="19">
        <v>84</v>
      </c>
      <c r="E14" s="20">
        <v>24</v>
      </c>
      <c r="F14" s="21">
        <v>57</v>
      </c>
      <c r="G14" s="22">
        <v>3</v>
      </c>
    </row>
    <row r="15" spans="2:7" x14ac:dyDescent="0.2">
      <c r="B15" s="29"/>
      <c r="C15" s="7"/>
      <c r="D15" s="23">
        <v>100</v>
      </c>
      <c r="E15" s="24">
        <v>28.6</v>
      </c>
      <c r="F15" s="25">
        <v>67.900000000000006</v>
      </c>
      <c r="G15" s="26">
        <v>3.6</v>
      </c>
    </row>
    <row r="16" spans="2:7" x14ac:dyDescent="0.2">
      <c r="B16" s="29"/>
      <c r="C16" s="2" t="s">
        <v>49</v>
      </c>
      <c r="D16" s="19">
        <v>97</v>
      </c>
      <c r="E16" s="20">
        <v>26</v>
      </c>
      <c r="F16" s="21">
        <v>68</v>
      </c>
      <c r="G16" s="22">
        <v>3</v>
      </c>
    </row>
    <row r="17" spans="2:7" x14ac:dyDescent="0.2">
      <c r="B17" s="29"/>
      <c r="C17" s="7"/>
      <c r="D17" s="23">
        <v>100</v>
      </c>
      <c r="E17" s="24">
        <v>26.8</v>
      </c>
      <c r="F17" s="25">
        <v>70.099999999999994</v>
      </c>
      <c r="G17" s="26">
        <v>3.1</v>
      </c>
    </row>
    <row r="18" spans="2:7" x14ac:dyDescent="0.2">
      <c r="B18" s="29"/>
      <c r="C18" s="2" t="s">
        <v>48</v>
      </c>
      <c r="D18" s="19">
        <v>79</v>
      </c>
      <c r="E18" s="20">
        <v>22</v>
      </c>
      <c r="F18" s="21">
        <v>57</v>
      </c>
      <c r="G18" s="22" t="s">
        <v>152</v>
      </c>
    </row>
    <row r="19" spans="2:7" x14ac:dyDescent="0.2">
      <c r="B19" s="29"/>
      <c r="C19" s="7"/>
      <c r="D19" s="23">
        <v>100</v>
      </c>
      <c r="E19" s="24">
        <v>27.8</v>
      </c>
      <c r="F19" s="25">
        <v>72.2</v>
      </c>
      <c r="G19" s="26" t="s">
        <v>152</v>
      </c>
    </row>
    <row r="20" spans="2:7" x14ac:dyDescent="0.2">
      <c r="B20" s="29"/>
      <c r="C20" s="2" t="s">
        <v>47</v>
      </c>
      <c r="D20" s="19">
        <v>72</v>
      </c>
      <c r="E20" s="20">
        <v>17</v>
      </c>
      <c r="F20" s="21">
        <v>54</v>
      </c>
      <c r="G20" s="22">
        <v>1</v>
      </c>
    </row>
    <row r="21" spans="2:7" x14ac:dyDescent="0.2">
      <c r="B21" s="29"/>
      <c r="C21" s="7"/>
      <c r="D21" s="23">
        <v>100</v>
      </c>
      <c r="E21" s="24">
        <v>23.6</v>
      </c>
      <c r="F21" s="25">
        <v>75</v>
      </c>
      <c r="G21" s="26">
        <v>1.4</v>
      </c>
    </row>
    <row r="22" spans="2:7" x14ac:dyDescent="0.2">
      <c r="B22" s="29"/>
      <c r="C22" s="2" t="s">
        <v>46</v>
      </c>
      <c r="D22" s="19">
        <v>15</v>
      </c>
      <c r="E22" s="20">
        <v>5</v>
      </c>
      <c r="F22" s="21">
        <v>10</v>
      </c>
      <c r="G22" s="22" t="s">
        <v>152</v>
      </c>
    </row>
    <row r="23" spans="2:7" x14ac:dyDescent="0.2">
      <c r="B23" s="29"/>
      <c r="C23" s="7"/>
      <c r="D23" s="23">
        <v>100</v>
      </c>
      <c r="E23" s="24">
        <v>33.299999999999997</v>
      </c>
      <c r="F23" s="25">
        <v>66.7</v>
      </c>
      <c r="G23" s="26" t="s">
        <v>152</v>
      </c>
    </row>
    <row r="24" spans="2:7" x14ac:dyDescent="0.2">
      <c r="B24" s="29"/>
      <c r="C24" s="2" t="s">
        <v>45</v>
      </c>
      <c r="D24" s="19">
        <v>77</v>
      </c>
      <c r="E24" s="20">
        <v>22</v>
      </c>
      <c r="F24" s="21">
        <v>55</v>
      </c>
      <c r="G24" s="22" t="s">
        <v>152</v>
      </c>
    </row>
    <row r="25" spans="2:7" x14ac:dyDescent="0.2">
      <c r="B25" s="29"/>
      <c r="C25" s="7"/>
      <c r="D25" s="23">
        <v>100</v>
      </c>
      <c r="E25" s="24">
        <v>28.6</v>
      </c>
      <c r="F25" s="25">
        <v>71.400000000000006</v>
      </c>
      <c r="G25" s="26" t="s">
        <v>152</v>
      </c>
    </row>
    <row r="26" spans="2:7" x14ac:dyDescent="0.2">
      <c r="B26" s="29"/>
      <c r="C26" s="2" t="s">
        <v>44</v>
      </c>
      <c r="D26" s="19">
        <v>260</v>
      </c>
      <c r="E26" s="20">
        <v>85</v>
      </c>
      <c r="F26" s="21">
        <v>163</v>
      </c>
      <c r="G26" s="22">
        <v>12</v>
      </c>
    </row>
    <row r="27" spans="2:7" x14ac:dyDescent="0.2">
      <c r="B27" s="29"/>
      <c r="C27" s="7"/>
      <c r="D27" s="23">
        <v>100</v>
      </c>
      <c r="E27" s="24">
        <v>32.700000000000003</v>
      </c>
      <c r="F27" s="25">
        <v>62.7</v>
      </c>
      <c r="G27" s="26">
        <v>4.5999999999999996</v>
      </c>
    </row>
    <row r="28" spans="2:7" x14ac:dyDescent="0.2">
      <c r="B28" s="29"/>
      <c r="C28" s="2" t="s">
        <v>43</v>
      </c>
      <c r="D28" s="19">
        <v>334</v>
      </c>
      <c r="E28" s="20">
        <v>139</v>
      </c>
      <c r="F28" s="21">
        <v>178</v>
      </c>
      <c r="G28" s="22">
        <v>17</v>
      </c>
    </row>
    <row r="29" spans="2:7" x14ac:dyDescent="0.2">
      <c r="B29" s="29"/>
      <c r="C29" s="7"/>
      <c r="D29" s="23">
        <v>100</v>
      </c>
      <c r="E29" s="24">
        <v>41.6</v>
      </c>
      <c r="F29" s="25">
        <v>53.3</v>
      </c>
      <c r="G29" s="26">
        <v>5.0999999999999996</v>
      </c>
    </row>
    <row r="30" spans="2:7" x14ac:dyDescent="0.2">
      <c r="B30" s="29"/>
      <c r="C30" s="2" t="s">
        <v>14</v>
      </c>
      <c r="D30" s="19">
        <v>28</v>
      </c>
      <c r="E30" s="20">
        <v>12</v>
      </c>
      <c r="F30" s="21">
        <v>13</v>
      </c>
      <c r="G30" s="22">
        <v>3</v>
      </c>
    </row>
    <row r="31" spans="2:7" x14ac:dyDescent="0.2">
      <c r="B31" s="29"/>
      <c r="C31" s="7"/>
      <c r="D31" s="23">
        <v>100</v>
      </c>
      <c r="E31" s="24">
        <v>42.9</v>
      </c>
      <c r="F31" s="25">
        <v>46.4</v>
      </c>
      <c r="G31" s="26">
        <v>10.7</v>
      </c>
    </row>
    <row r="32" spans="2:7" x14ac:dyDescent="0.2">
      <c r="B32" s="29"/>
      <c r="C32" s="2" t="s">
        <v>42</v>
      </c>
      <c r="D32" s="19">
        <v>390</v>
      </c>
      <c r="E32" s="20">
        <v>111</v>
      </c>
      <c r="F32" s="21">
        <v>271</v>
      </c>
      <c r="G32" s="22">
        <v>8</v>
      </c>
    </row>
    <row r="33" spans="2:7" x14ac:dyDescent="0.2">
      <c r="B33" s="29"/>
      <c r="C33" s="7"/>
      <c r="D33" s="23">
        <v>100</v>
      </c>
      <c r="E33" s="24">
        <v>28.5</v>
      </c>
      <c r="F33" s="25">
        <v>69.5</v>
      </c>
      <c r="G33" s="26">
        <v>2.1</v>
      </c>
    </row>
    <row r="34" spans="2:7" x14ac:dyDescent="0.2">
      <c r="B34" s="29"/>
      <c r="C34" s="2" t="s">
        <v>13</v>
      </c>
      <c r="D34" s="19">
        <v>70</v>
      </c>
      <c r="E34" s="20">
        <v>21</v>
      </c>
      <c r="F34" s="21">
        <v>40</v>
      </c>
      <c r="G34" s="22">
        <v>9</v>
      </c>
    </row>
    <row r="35" spans="2:7" x14ac:dyDescent="0.2">
      <c r="B35" s="30"/>
      <c r="C35" s="10"/>
      <c r="D35" s="15">
        <v>100</v>
      </c>
      <c r="E35" s="16">
        <v>30</v>
      </c>
      <c r="F35" s="17">
        <v>57.1</v>
      </c>
      <c r="G35" s="18">
        <v>12.9</v>
      </c>
    </row>
    <row r="36" spans="2:7" x14ac:dyDescent="0.2">
      <c r="B36" s="28" t="s">
        <v>53</v>
      </c>
      <c r="C36" s="9" t="s">
        <v>12</v>
      </c>
      <c r="D36" s="11">
        <v>1241</v>
      </c>
      <c r="E36" s="12">
        <v>402</v>
      </c>
      <c r="F36" s="13">
        <v>790</v>
      </c>
      <c r="G36" s="14">
        <v>49</v>
      </c>
    </row>
    <row r="37" spans="2:7" x14ac:dyDescent="0.2">
      <c r="B37" s="29"/>
      <c r="C37" s="8"/>
      <c r="D37" s="15">
        <v>100</v>
      </c>
      <c r="E37" s="16">
        <v>32.4</v>
      </c>
      <c r="F37" s="17">
        <v>63.7</v>
      </c>
      <c r="G37" s="18">
        <v>3.9</v>
      </c>
    </row>
    <row r="38" spans="2:7" x14ac:dyDescent="0.2">
      <c r="B38" s="29"/>
      <c r="C38" s="2" t="s">
        <v>41</v>
      </c>
      <c r="D38" s="19">
        <v>799</v>
      </c>
      <c r="E38" s="20">
        <v>260</v>
      </c>
      <c r="F38" s="21">
        <v>526</v>
      </c>
      <c r="G38" s="22">
        <v>13</v>
      </c>
    </row>
    <row r="39" spans="2:7" x14ac:dyDescent="0.2">
      <c r="B39" s="29"/>
      <c r="C39" s="7"/>
      <c r="D39" s="23">
        <v>100</v>
      </c>
      <c r="E39" s="24">
        <v>32.5</v>
      </c>
      <c r="F39" s="25">
        <v>65.8</v>
      </c>
      <c r="G39" s="26">
        <v>1.6</v>
      </c>
    </row>
    <row r="40" spans="2:7" x14ac:dyDescent="0.2">
      <c r="B40" s="29"/>
      <c r="C40" s="2" t="s">
        <v>40</v>
      </c>
      <c r="D40" s="19">
        <v>182</v>
      </c>
      <c r="E40" s="20">
        <v>63</v>
      </c>
      <c r="F40" s="21">
        <v>110</v>
      </c>
      <c r="G40" s="22">
        <v>9</v>
      </c>
    </row>
    <row r="41" spans="2:7" x14ac:dyDescent="0.2">
      <c r="B41" s="29"/>
      <c r="C41" s="7"/>
      <c r="D41" s="23">
        <v>100</v>
      </c>
      <c r="E41" s="24">
        <v>34.6</v>
      </c>
      <c r="F41" s="25">
        <v>60.4</v>
      </c>
      <c r="G41" s="26">
        <v>4.9000000000000004</v>
      </c>
    </row>
    <row r="42" spans="2:7" x14ac:dyDescent="0.2">
      <c r="B42" s="29"/>
      <c r="C42" s="2" t="s">
        <v>39</v>
      </c>
      <c r="D42" s="19">
        <v>72</v>
      </c>
      <c r="E42" s="20">
        <v>25</v>
      </c>
      <c r="F42" s="21">
        <v>47</v>
      </c>
      <c r="G42" s="22" t="s">
        <v>152</v>
      </c>
    </row>
    <row r="43" spans="2:7" x14ac:dyDescent="0.2">
      <c r="B43" s="29"/>
      <c r="C43" s="7"/>
      <c r="D43" s="23">
        <v>100</v>
      </c>
      <c r="E43" s="24">
        <v>34.700000000000003</v>
      </c>
      <c r="F43" s="25">
        <v>65.3</v>
      </c>
      <c r="G43" s="26" t="s">
        <v>152</v>
      </c>
    </row>
    <row r="44" spans="2:7" x14ac:dyDescent="0.2">
      <c r="B44" s="29"/>
      <c r="C44" s="2" t="s">
        <v>38</v>
      </c>
      <c r="D44" s="19">
        <v>127</v>
      </c>
      <c r="E44" s="20">
        <v>35</v>
      </c>
      <c r="F44" s="21">
        <v>73</v>
      </c>
      <c r="G44" s="22">
        <v>19</v>
      </c>
    </row>
    <row r="45" spans="2:7" x14ac:dyDescent="0.2">
      <c r="B45" s="29"/>
      <c r="C45" s="7"/>
      <c r="D45" s="23">
        <v>100</v>
      </c>
      <c r="E45" s="24">
        <v>27.6</v>
      </c>
      <c r="F45" s="25">
        <v>57.5</v>
      </c>
      <c r="G45" s="26">
        <v>15</v>
      </c>
    </row>
    <row r="46" spans="2:7" x14ac:dyDescent="0.2">
      <c r="B46" s="29"/>
      <c r="C46" s="2" t="s">
        <v>13</v>
      </c>
      <c r="D46" s="19">
        <v>61</v>
      </c>
      <c r="E46" s="20">
        <v>19</v>
      </c>
      <c r="F46" s="21">
        <v>34</v>
      </c>
      <c r="G46" s="22">
        <v>8</v>
      </c>
    </row>
    <row r="47" spans="2:7" x14ac:dyDescent="0.2">
      <c r="B47" s="30"/>
      <c r="C47" s="10"/>
      <c r="D47" s="15">
        <v>100</v>
      </c>
      <c r="E47" s="16">
        <v>31.1</v>
      </c>
      <c r="F47" s="17">
        <v>55.7</v>
      </c>
      <c r="G47" s="18">
        <v>13.1</v>
      </c>
    </row>
  </sheetData>
  <mergeCells count="3">
    <mergeCell ref="B4:B11"/>
    <mergeCell ref="B12:B35"/>
    <mergeCell ref="B36:B47"/>
  </mergeCells>
  <phoneticPr fontId="2"/>
  <pageMargins left="0.7" right="0.7" top="0.75" bottom="0.75" header="0.3" footer="0.3"/>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election activeCell="E1" sqref="E1"/>
    </sheetView>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78</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31">
        <v>1110</v>
      </c>
      <c r="F4" s="13">
        <v>95</v>
      </c>
      <c r="G4" s="14">
        <v>36</v>
      </c>
    </row>
    <row r="5" spans="2:7" x14ac:dyDescent="0.2">
      <c r="B5" s="29"/>
      <c r="C5" s="8"/>
      <c r="D5" s="15">
        <v>100</v>
      </c>
      <c r="E5" s="16">
        <v>89.4</v>
      </c>
      <c r="F5" s="17">
        <v>7.7</v>
      </c>
      <c r="G5" s="18">
        <v>2.9</v>
      </c>
    </row>
    <row r="6" spans="2:7" x14ac:dyDescent="0.2">
      <c r="B6" s="29"/>
      <c r="C6" s="2" t="s">
        <v>30</v>
      </c>
      <c r="D6" s="19">
        <v>499</v>
      </c>
      <c r="E6" s="20">
        <v>445</v>
      </c>
      <c r="F6" s="21">
        <v>45</v>
      </c>
      <c r="G6" s="22">
        <v>9</v>
      </c>
    </row>
    <row r="7" spans="2:7" x14ac:dyDescent="0.2">
      <c r="B7" s="29"/>
      <c r="C7" s="7"/>
      <c r="D7" s="23">
        <v>100</v>
      </c>
      <c r="E7" s="24">
        <v>89.2</v>
      </c>
      <c r="F7" s="25">
        <v>9</v>
      </c>
      <c r="G7" s="26">
        <v>1.8</v>
      </c>
    </row>
    <row r="8" spans="2:7" x14ac:dyDescent="0.2">
      <c r="B8" s="29"/>
      <c r="C8" s="2" t="s">
        <v>29</v>
      </c>
      <c r="D8" s="19">
        <v>150</v>
      </c>
      <c r="E8" s="20">
        <v>133</v>
      </c>
      <c r="F8" s="21">
        <v>14</v>
      </c>
      <c r="G8" s="22">
        <v>3</v>
      </c>
    </row>
    <row r="9" spans="2:7" x14ac:dyDescent="0.2">
      <c r="B9" s="29"/>
      <c r="C9" s="7"/>
      <c r="D9" s="23">
        <v>100</v>
      </c>
      <c r="E9" s="24">
        <v>88.7</v>
      </c>
      <c r="F9" s="25">
        <v>9.3000000000000007</v>
      </c>
      <c r="G9" s="26">
        <v>2</v>
      </c>
    </row>
    <row r="10" spans="2:7" x14ac:dyDescent="0.2">
      <c r="B10" s="29"/>
      <c r="C10" s="2" t="s">
        <v>28</v>
      </c>
      <c r="D10" s="19">
        <v>82</v>
      </c>
      <c r="E10" s="20">
        <v>70</v>
      </c>
      <c r="F10" s="21">
        <v>7</v>
      </c>
      <c r="G10" s="22">
        <v>5</v>
      </c>
    </row>
    <row r="11" spans="2:7" x14ac:dyDescent="0.2">
      <c r="B11" s="29"/>
      <c r="C11" s="7"/>
      <c r="D11" s="23">
        <v>100</v>
      </c>
      <c r="E11" s="24">
        <v>85.4</v>
      </c>
      <c r="F11" s="25">
        <v>8.5</v>
      </c>
      <c r="G11" s="26">
        <v>6.1</v>
      </c>
    </row>
    <row r="12" spans="2:7" x14ac:dyDescent="0.2">
      <c r="B12" s="29"/>
      <c r="C12" s="2" t="s">
        <v>27</v>
      </c>
      <c r="D12" s="19">
        <v>92</v>
      </c>
      <c r="E12" s="20">
        <v>81</v>
      </c>
      <c r="F12" s="21">
        <v>6</v>
      </c>
      <c r="G12" s="22">
        <v>5</v>
      </c>
    </row>
    <row r="13" spans="2:7" x14ac:dyDescent="0.2">
      <c r="B13" s="29"/>
      <c r="C13" s="7"/>
      <c r="D13" s="23">
        <v>100</v>
      </c>
      <c r="E13" s="24">
        <v>88</v>
      </c>
      <c r="F13" s="25">
        <v>6.5</v>
      </c>
      <c r="G13" s="26">
        <v>5.4</v>
      </c>
    </row>
    <row r="14" spans="2:7" x14ac:dyDescent="0.2">
      <c r="B14" s="29"/>
      <c r="C14" s="2" t="s">
        <v>26</v>
      </c>
      <c r="D14" s="19">
        <v>112</v>
      </c>
      <c r="E14" s="20">
        <v>103</v>
      </c>
      <c r="F14" s="21">
        <v>8</v>
      </c>
      <c r="G14" s="22">
        <v>1</v>
      </c>
    </row>
    <row r="15" spans="2:7" x14ac:dyDescent="0.2">
      <c r="B15" s="29"/>
      <c r="C15" s="7"/>
      <c r="D15" s="23">
        <v>100</v>
      </c>
      <c r="E15" s="24">
        <v>92</v>
      </c>
      <c r="F15" s="25">
        <v>7.1</v>
      </c>
      <c r="G15" s="26">
        <v>0.9</v>
      </c>
    </row>
    <row r="16" spans="2:7" x14ac:dyDescent="0.2">
      <c r="B16" s="29"/>
      <c r="C16" s="2" t="s">
        <v>25</v>
      </c>
      <c r="D16" s="19">
        <v>188</v>
      </c>
      <c r="E16" s="20">
        <v>174</v>
      </c>
      <c r="F16" s="21">
        <v>9</v>
      </c>
      <c r="G16" s="22">
        <v>5</v>
      </c>
    </row>
    <row r="17" spans="2:7" x14ac:dyDescent="0.2">
      <c r="B17" s="29"/>
      <c r="C17" s="7"/>
      <c r="D17" s="23">
        <v>100</v>
      </c>
      <c r="E17" s="24">
        <v>92.6</v>
      </c>
      <c r="F17" s="25">
        <v>4.8</v>
      </c>
      <c r="G17" s="26">
        <v>2.7</v>
      </c>
    </row>
    <row r="18" spans="2:7" x14ac:dyDescent="0.2">
      <c r="B18" s="29"/>
      <c r="C18" s="2" t="s">
        <v>24</v>
      </c>
      <c r="D18" s="19">
        <v>60</v>
      </c>
      <c r="E18" s="20">
        <v>58</v>
      </c>
      <c r="F18" s="21">
        <v>1</v>
      </c>
      <c r="G18" s="22">
        <v>1</v>
      </c>
    </row>
    <row r="19" spans="2:7" x14ac:dyDescent="0.2">
      <c r="B19" s="29"/>
      <c r="C19" s="7"/>
      <c r="D19" s="23">
        <v>100</v>
      </c>
      <c r="E19" s="24">
        <v>96.7</v>
      </c>
      <c r="F19" s="25">
        <v>1.7</v>
      </c>
      <c r="G19" s="26">
        <v>1.7</v>
      </c>
    </row>
    <row r="20" spans="2:7" x14ac:dyDescent="0.2">
      <c r="B20" s="29"/>
      <c r="C20" s="2" t="s">
        <v>13</v>
      </c>
      <c r="D20" s="19">
        <v>58</v>
      </c>
      <c r="E20" s="20">
        <v>46</v>
      </c>
      <c r="F20" s="21">
        <v>5</v>
      </c>
      <c r="G20" s="22">
        <v>7</v>
      </c>
    </row>
    <row r="21" spans="2:7" x14ac:dyDescent="0.2">
      <c r="B21" s="30"/>
      <c r="C21" s="10"/>
      <c r="D21" s="15">
        <v>100</v>
      </c>
      <c r="E21" s="16">
        <v>79.3</v>
      </c>
      <c r="F21" s="17">
        <v>8.6</v>
      </c>
      <c r="G21" s="18">
        <v>12.1</v>
      </c>
    </row>
    <row r="22" spans="2:7" x14ac:dyDescent="0.2">
      <c r="B22" s="28" t="s">
        <v>35</v>
      </c>
      <c r="C22" s="9" t="s">
        <v>12</v>
      </c>
      <c r="D22" s="11">
        <v>1241</v>
      </c>
      <c r="E22" s="31">
        <v>1110</v>
      </c>
      <c r="F22" s="13">
        <v>95</v>
      </c>
      <c r="G22" s="14">
        <v>36</v>
      </c>
    </row>
    <row r="23" spans="2:7" x14ac:dyDescent="0.2">
      <c r="B23" s="29"/>
      <c r="C23" s="8"/>
      <c r="D23" s="15">
        <v>100</v>
      </c>
      <c r="E23" s="16">
        <v>89.4</v>
      </c>
      <c r="F23" s="17">
        <v>7.7</v>
      </c>
      <c r="G23" s="18">
        <v>2.9</v>
      </c>
    </row>
    <row r="24" spans="2:7" x14ac:dyDescent="0.2">
      <c r="B24" s="29"/>
      <c r="C24" s="2" t="s">
        <v>23</v>
      </c>
      <c r="D24" s="19">
        <v>563</v>
      </c>
      <c r="E24" s="20">
        <v>507</v>
      </c>
      <c r="F24" s="21">
        <v>45</v>
      </c>
      <c r="G24" s="22">
        <v>11</v>
      </c>
    </row>
    <row r="25" spans="2:7" x14ac:dyDescent="0.2">
      <c r="B25" s="29"/>
      <c r="C25" s="7"/>
      <c r="D25" s="23">
        <v>100</v>
      </c>
      <c r="E25" s="24">
        <v>90.1</v>
      </c>
      <c r="F25" s="25">
        <v>8</v>
      </c>
      <c r="G25" s="26">
        <v>2</v>
      </c>
    </row>
    <row r="26" spans="2:7" x14ac:dyDescent="0.2">
      <c r="B26" s="29"/>
      <c r="C26" s="2" t="s">
        <v>22</v>
      </c>
      <c r="D26" s="19">
        <v>607</v>
      </c>
      <c r="E26" s="20">
        <v>544</v>
      </c>
      <c r="F26" s="21">
        <v>45</v>
      </c>
      <c r="G26" s="22">
        <v>18</v>
      </c>
    </row>
    <row r="27" spans="2:7" x14ac:dyDescent="0.2">
      <c r="B27" s="29"/>
      <c r="C27" s="7"/>
      <c r="D27" s="23">
        <v>100</v>
      </c>
      <c r="E27" s="24">
        <v>89.6</v>
      </c>
      <c r="F27" s="25">
        <v>7.4</v>
      </c>
      <c r="G27" s="26">
        <v>3</v>
      </c>
    </row>
    <row r="28" spans="2:7" x14ac:dyDescent="0.2">
      <c r="B28" s="29"/>
      <c r="C28" s="2" t="s">
        <v>13</v>
      </c>
      <c r="D28" s="19">
        <v>71</v>
      </c>
      <c r="E28" s="20">
        <v>59</v>
      </c>
      <c r="F28" s="21">
        <v>5</v>
      </c>
      <c r="G28" s="22">
        <v>7</v>
      </c>
    </row>
    <row r="29" spans="2:7" x14ac:dyDescent="0.2">
      <c r="B29" s="30"/>
      <c r="C29" s="10"/>
      <c r="D29" s="15">
        <v>100</v>
      </c>
      <c r="E29" s="16">
        <v>83.1</v>
      </c>
      <c r="F29" s="17">
        <v>7</v>
      </c>
      <c r="G29" s="18">
        <v>9.9</v>
      </c>
    </row>
    <row r="30" spans="2:7" x14ac:dyDescent="0.2">
      <c r="B30" s="28" t="s">
        <v>34</v>
      </c>
      <c r="C30" s="9" t="s">
        <v>12</v>
      </c>
      <c r="D30" s="11">
        <v>1241</v>
      </c>
      <c r="E30" s="31">
        <v>1110</v>
      </c>
      <c r="F30" s="13">
        <v>95</v>
      </c>
      <c r="G30" s="14">
        <v>36</v>
      </c>
    </row>
    <row r="31" spans="2:7" x14ac:dyDescent="0.2">
      <c r="B31" s="29"/>
      <c r="C31" s="8"/>
      <c r="D31" s="15">
        <v>100</v>
      </c>
      <c r="E31" s="16">
        <v>89.4</v>
      </c>
      <c r="F31" s="17">
        <v>7.7</v>
      </c>
      <c r="G31" s="18">
        <v>2.9</v>
      </c>
    </row>
    <row r="32" spans="2:7" x14ac:dyDescent="0.2">
      <c r="B32" s="29"/>
      <c r="C32" s="2" t="s">
        <v>138</v>
      </c>
      <c r="D32" s="19">
        <v>3</v>
      </c>
      <c r="E32" s="20">
        <v>3</v>
      </c>
      <c r="F32" s="21" t="s">
        <v>152</v>
      </c>
      <c r="G32" s="22" t="s">
        <v>152</v>
      </c>
    </row>
    <row r="33" spans="2:7" x14ac:dyDescent="0.2">
      <c r="B33" s="29"/>
      <c r="C33" s="7"/>
      <c r="D33" s="23">
        <v>100</v>
      </c>
      <c r="E33" s="24">
        <v>100</v>
      </c>
      <c r="F33" s="25" t="s">
        <v>152</v>
      </c>
      <c r="G33" s="26" t="s">
        <v>152</v>
      </c>
    </row>
    <row r="34" spans="2:7" x14ac:dyDescent="0.2">
      <c r="B34" s="29"/>
      <c r="C34" s="2" t="s">
        <v>139</v>
      </c>
      <c r="D34" s="19">
        <v>51</v>
      </c>
      <c r="E34" s="20">
        <v>40</v>
      </c>
      <c r="F34" s="21">
        <v>11</v>
      </c>
      <c r="G34" s="22" t="s">
        <v>152</v>
      </c>
    </row>
    <row r="35" spans="2:7" x14ac:dyDescent="0.2">
      <c r="B35" s="29"/>
      <c r="C35" s="7"/>
      <c r="D35" s="23">
        <v>100</v>
      </c>
      <c r="E35" s="24">
        <v>78.400000000000006</v>
      </c>
      <c r="F35" s="25">
        <v>21.6</v>
      </c>
      <c r="G35" s="26" t="s">
        <v>152</v>
      </c>
    </row>
    <row r="36" spans="2:7" x14ac:dyDescent="0.2">
      <c r="B36" s="29"/>
      <c r="C36" s="2" t="s">
        <v>147</v>
      </c>
      <c r="D36" s="19">
        <v>54</v>
      </c>
      <c r="E36" s="20">
        <v>43</v>
      </c>
      <c r="F36" s="21">
        <v>11</v>
      </c>
      <c r="G36" s="22" t="s">
        <v>152</v>
      </c>
    </row>
    <row r="37" spans="2:7" x14ac:dyDescent="0.2">
      <c r="B37" s="29"/>
      <c r="C37" s="7"/>
      <c r="D37" s="23">
        <v>100</v>
      </c>
      <c r="E37" s="24">
        <v>79.629629629629633</v>
      </c>
      <c r="F37" s="25">
        <v>20.37037037037037</v>
      </c>
      <c r="G37" s="26" t="s">
        <v>152</v>
      </c>
    </row>
    <row r="38" spans="2:7" x14ac:dyDescent="0.2">
      <c r="B38" s="29"/>
      <c r="C38" s="2" t="s">
        <v>140</v>
      </c>
      <c r="D38" s="19">
        <v>116</v>
      </c>
      <c r="E38" s="20">
        <v>95</v>
      </c>
      <c r="F38" s="21">
        <v>16</v>
      </c>
      <c r="G38" s="22">
        <v>5</v>
      </c>
    </row>
    <row r="39" spans="2:7" x14ac:dyDescent="0.2">
      <c r="B39" s="29"/>
      <c r="C39" s="7"/>
      <c r="D39" s="23">
        <v>100</v>
      </c>
      <c r="E39" s="24">
        <v>81.900000000000006</v>
      </c>
      <c r="F39" s="25">
        <v>13.8</v>
      </c>
      <c r="G39" s="26">
        <v>4.3</v>
      </c>
    </row>
    <row r="40" spans="2:7" x14ac:dyDescent="0.2">
      <c r="B40" s="29"/>
      <c r="C40" s="2" t="s">
        <v>141</v>
      </c>
      <c r="D40" s="19">
        <v>200</v>
      </c>
      <c r="E40" s="20">
        <v>173</v>
      </c>
      <c r="F40" s="21">
        <v>23</v>
      </c>
      <c r="G40" s="22">
        <v>4</v>
      </c>
    </row>
    <row r="41" spans="2:7" x14ac:dyDescent="0.2">
      <c r="B41" s="29"/>
      <c r="C41" s="7"/>
      <c r="D41" s="23">
        <v>100</v>
      </c>
      <c r="E41" s="24">
        <v>86.5</v>
      </c>
      <c r="F41" s="25">
        <v>11.5</v>
      </c>
      <c r="G41" s="26">
        <v>2</v>
      </c>
    </row>
    <row r="42" spans="2:7" x14ac:dyDescent="0.2">
      <c r="B42" s="29"/>
      <c r="C42" s="2" t="s">
        <v>142</v>
      </c>
      <c r="D42" s="19">
        <v>289</v>
      </c>
      <c r="E42" s="20">
        <v>262</v>
      </c>
      <c r="F42" s="21">
        <v>21</v>
      </c>
      <c r="G42" s="22">
        <v>6</v>
      </c>
    </row>
    <row r="43" spans="2:7" x14ac:dyDescent="0.2">
      <c r="B43" s="29"/>
      <c r="C43" s="7"/>
      <c r="D43" s="23">
        <v>100</v>
      </c>
      <c r="E43" s="24">
        <v>90.7</v>
      </c>
      <c r="F43" s="25">
        <v>7.3</v>
      </c>
      <c r="G43" s="26">
        <v>2.1</v>
      </c>
    </row>
    <row r="44" spans="2:7" x14ac:dyDescent="0.2">
      <c r="B44" s="29"/>
      <c r="C44" s="2" t="s">
        <v>143</v>
      </c>
      <c r="D44" s="19">
        <v>247</v>
      </c>
      <c r="E44" s="20">
        <v>231</v>
      </c>
      <c r="F44" s="21">
        <v>12</v>
      </c>
      <c r="G44" s="22">
        <v>4</v>
      </c>
    </row>
    <row r="45" spans="2:7" x14ac:dyDescent="0.2">
      <c r="B45" s="29"/>
      <c r="C45" s="7"/>
      <c r="D45" s="23">
        <v>100</v>
      </c>
      <c r="E45" s="24">
        <v>93.5</v>
      </c>
      <c r="F45" s="25">
        <v>4.9000000000000004</v>
      </c>
      <c r="G45" s="26">
        <v>1.6</v>
      </c>
    </row>
    <row r="46" spans="2:7" x14ac:dyDescent="0.2">
      <c r="B46" s="29"/>
      <c r="C46" s="2" t="s">
        <v>144</v>
      </c>
      <c r="D46" s="19">
        <v>125</v>
      </c>
      <c r="E46" s="20">
        <v>117</v>
      </c>
      <c r="F46" s="21">
        <v>4</v>
      </c>
      <c r="G46" s="22">
        <v>4</v>
      </c>
    </row>
    <row r="47" spans="2:7" x14ac:dyDescent="0.2">
      <c r="B47" s="29"/>
      <c r="C47" s="7"/>
      <c r="D47" s="23">
        <v>100</v>
      </c>
      <c r="E47" s="24">
        <v>93.6</v>
      </c>
      <c r="F47" s="25">
        <v>3.2</v>
      </c>
      <c r="G47" s="26">
        <v>3.2</v>
      </c>
    </row>
    <row r="48" spans="2:7" x14ac:dyDescent="0.2">
      <c r="B48" s="29"/>
      <c r="C48" s="2" t="s">
        <v>145</v>
      </c>
      <c r="D48" s="19">
        <v>150</v>
      </c>
      <c r="E48" s="20">
        <v>141</v>
      </c>
      <c r="F48" s="21">
        <v>3</v>
      </c>
      <c r="G48" s="22">
        <v>6</v>
      </c>
    </row>
    <row r="49" spans="2:7" x14ac:dyDescent="0.2">
      <c r="B49" s="29"/>
      <c r="C49" s="7"/>
      <c r="D49" s="23">
        <v>100</v>
      </c>
      <c r="E49" s="24">
        <v>94</v>
      </c>
      <c r="F49" s="25">
        <v>2</v>
      </c>
      <c r="G49" s="26">
        <v>4</v>
      </c>
    </row>
    <row r="50" spans="2:7" x14ac:dyDescent="0.2">
      <c r="B50" s="29"/>
      <c r="C50" s="2" t="s">
        <v>146</v>
      </c>
      <c r="D50" s="19">
        <v>60</v>
      </c>
      <c r="E50" s="20">
        <v>48</v>
      </c>
      <c r="F50" s="21">
        <v>5</v>
      </c>
      <c r="G50" s="22">
        <v>7</v>
      </c>
    </row>
    <row r="51" spans="2:7" x14ac:dyDescent="0.2">
      <c r="B51" s="29"/>
      <c r="C51" s="10"/>
      <c r="D51" s="23">
        <v>100</v>
      </c>
      <c r="E51" s="24">
        <v>80</v>
      </c>
      <c r="F51" s="25">
        <v>8.3000000000000007</v>
      </c>
      <c r="G51" s="26">
        <v>11.7</v>
      </c>
    </row>
    <row r="52" spans="2:7" x14ac:dyDescent="0.2">
      <c r="B52" s="28" t="s">
        <v>33</v>
      </c>
      <c r="C52" s="9" t="s">
        <v>12</v>
      </c>
      <c r="D52" s="11">
        <v>1241</v>
      </c>
      <c r="E52" s="31">
        <v>1110</v>
      </c>
      <c r="F52" s="13">
        <v>95</v>
      </c>
      <c r="G52" s="14">
        <v>36</v>
      </c>
    </row>
    <row r="53" spans="2:7" x14ac:dyDescent="0.2">
      <c r="B53" s="29"/>
      <c r="C53" s="8"/>
      <c r="D53" s="15">
        <v>100</v>
      </c>
      <c r="E53" s="16">
        <v>89.4</v>
      </c>
      <c r="F53" s="17">
        <v>7.7</v>
      </c>
      <c r="G53" s="18">
        <v>2.9</v>
      </c>
    </row>
    <row r="54" spans="2:7" x14ac:dyDescent="0.2">
      <c r="B54" s="29"/>
      <c r="C54" s="2" t="s">
        <v>57</v>
      </c>
      <c r="D54" s="19">
        <v>2</v>
      </c>
      <c r="E54" s="20">
        <v>2</v>
      </c>
      <c r="F54" s="21" t="s">
        <v>152</v>
      </c>
      <c r="G54" s="22" t="s">
        <v>152</v>
      </c>
    </row>
    <row r="55" spans="2:7" x14ac:dyDescent="0.2">
      <c r="B55" s="29"/>
      <c r="C55" s="7"/>
      <c r="D55" s="23">
        <v>100</v>
      </c>
      <c r="E55" s="24">
        <v>100</v>
      </c>
      <c r="F55" s="25" t="s">
        <v>152</v>
      </c>
      <c r="G55" s="26" t="s">
        <v>152</v>
      </c>
    </row>
    <row r="56" spans="2:7" x14ac:dyDescent="0.2">
      <c r="B56" s="29"/>
      <c r="C56" s="2" t="s">
        <v>63</v>
      </c>
      <c r="D56" s="19">
        <v>20</v>
      </c>
      <c r="E56" s="20">
        <v>18</v>
      </c>
      <c r="F56" s="21">
        <v>2</v>
      </c>
      <c r="G56" s="22" t="s">
        <v>152</v>
      </c>
    </row>
    <row r="57" spans="2:7" x14ac:dyDescent="0.2">
      <c r="B57" s="29"/>
      <c r="C57" s="7"/>
      <c r="D57" s="23">
        <v>100</v>
      </c>
      <c r="E57" s="24">
        <v>90</v>
      </c>
      <c r="F57" s="25">
        <v>10</v>
      </c>
      <c r="G57" s="26" t="s">
        <v>152</v>
      </c>
    </row>
    <row r="58" spans="2:7" x14ac:dyDescent="0.2">
      <c r="B58" s="29"/>
      <c r="C58" s="2" t="s">
        <v>148</v>
      </c>
      <c r="D58" s="19">
        <v>22</v>
      </c>
      <c r="E58" s="20">
        <v>20</v>
      </c>
      <c r="F58" s="21">
        <v>2</v>
      </c>
      <c r="G58" s="22" t="s">
        <v>152</v>
      </c>
    </row>
    <row r="59" spans="2:7" x14ac:dyDescent="0.2">
      <c r="B59" s="29"/>
      <c r="C59" s="7"/>
      <c r="D59" s="23">
        <v>100</v>
      </c>
      <c r="E59" s="24">
        <v>90.909090909090907</v>
      </c>
      <c r="F59" s="25">
        <v>9.0909090909090917</v>
      </c>
      <c r="G59" s="26" t="s">
        <v>152</v>
      </c>
    </row>
    <row r="60" spans="2:7" x14ac:dyDescent="0.2">
      <c r="B60" s="29"/>
      <c r="C60" s="2" t="s">
        <v>64</v>
      </c>
      <c r="D60" s="19">
        <v>51</v>
      </c>
      <c r="E60" s="20">
        <v>45</v>
      </c>
      <c r="F60" s="21">
        <v>6</v>
      </c>
      <c r="G60" s="22" t="s">
        <v>152</v>
      </c>
    </row>
    <row r="61" spans="2:7" x14ac:dyDescent="0.2">
      <c r="B61" s="29"/>
      <c r="C61" s="7"/>
      <c r="D61" s="23">
        <v>100</v>
      </c>
      <c r="E61" s="24">
        <v>88.2</v>
      </c>
      <c r="F61" s="25">
        <v>11.8</v>
      </c>
      <c r="G61" s="26" t="s">
        <v>152</v>
      </c>
    </row>
    <row r="62" spans="2:7" x14ac:dyDescent="0.2">
      <c r="B62" s="29"/>
      <c r="C62" s="2" t="s">
        <v>65</v>
      </c>
      <c r="D62" s="19">
        <v>88</v>
      </c>
      <c r="E62" s="20">
        <v>77</v>
      </c>
      <c r="F62" s="21">
        <v>10</v>
      </c>
      <c r="G62" s="22">
        <v>1</v>
      </c>
    </row>
    <row r="63" spans="2:7" x14ac:dyDescent="0.2">
      <c r="B63" s="29"/>
      <c r="C63" s="7"/>
      <c r="D63" s="23">
        <v>100</v>
      </c>
      <c r="E63" s="24">
        <v>87.5</v>
      </c>
      <c r="F63" s="25">
        <v>11.4</v>
      </c>
      <c r="G63" s="26">
        <v>1.1000000000000001</v>
      </c>
    </row>
    <row r="64" spans="2:7" x14ac:dyDescent="0.2">
      <c r="B64" s="29"/>
      <c r="C64" s="2" t="s">
        <v>66</v>
      </c>
      <c r="D64" s="19">
        <v>146</v>
      </c>
      <c r="E64" s="20">
        <v>128</v>
      </c>
      <c r="F64" s="21">
        <v>15</v>
      </c>
      <c r="G64" s="22">
        <v>3</v>
      </c>
    </row>
    <row r="65" spans="2:7" x14ac:dyDescent="0.2">
      <c r="B65" s="29"/>
      <c r="C65" s="7"/>
      <c r="D65" s="23">
        <v>100</v>
      </c>
      <c r="E65" s="24">
        <v>87.7</v>
      </c>
      <c r="F65" s="25">
        <v>10.3</v>
      </c>
      <c r="G65" s="26">
        <v>2.1</v>
      </c>
    </row>
    <row r="66" spans="2:7" x14ac:dyDescent="0.2">
      <c r="B66" s="29"/>
      <c r="C66" s="2" t="s">
        <v>67</v>
      </c>
      <c r="D66" s="19">
        <v>133</v>
      </c>
      <c r="E66" s="20">
        <v>120</v>
      </c>
      <c r="F66" s="21">
        <v>10</v>
      </c>
      <c r="G66" s="22">
        <v>3</v>
      </c>
    </row>
    <row r="67" spans="2:7" x14ac:dyDescent="0.2">
      <c r="B67" s="29"/>
      <c r="C67" s="7"/>
      <c r="D67" s="23">
        <v>100</v>
      </c>
      <c r="E67" s="24">
        <v>90.2</v>
      </c>
      <c r="F67" s="25">
        <v>7.5</v>
      </c>
      <c r="G67" s="26">
        <v>2.2999999999999998</v>
      </c>
    </row>
    <row r="68" spans="2:7" x14ac:dyDescent="0.2">
      <c r="B68" s="29"/>
      <c r="C68" s="2" t="s">
        <v>58</v>
      </c>
      <c r="D68" s="19">
        <v>57</v>
      </c>
      <c r="E68" s="20">
        <v>54</v>
      </c>
      <c r="F68" s="21">
        <v>1</v>
      </c>
      <c r="G68" s="22">
        <v>2</v>
      </c>
    </row>
    <row r="69" spans="2:7" x14ac:dyDescent="0.2">
      <c r="B69" s="29"/>
      <c r="C69" s="7"/>
      <c r="D69" s="23">
        <v>100</v>
      </c>
      <c r="E69" s="24">
        <v>94.7</v>
      </c>
      <c r="F69" s="25">
        <v>1.8</v>
      </c>
      <c r="G69" s="26">
        <v>3.5</v>
      </c>
    </row>
    <row r="70" spans="2:7" x14ac:dyDescent="0.2">
      <c r="B70" s="29"/>
      <c r="C70" s="2" t="s">
        <v>68</v>
      </c>
      <c r="D70" s="19">
        <v>65</v>
      </c>
      <c r="E70" s="20">
        <v>62</v>
      </c>
      <c r="F70" s="21">
        <v>1</v>
      </c>
      <c r="G70" s="22">
        <v>2</v>
      </c>
    </row>
    <row r="71" spans="2:7" x14ac:dyDescent="0.2">
      <c r="B71" s="29"/>
      <c r="C71" s="7"/>
      <c r="D71" s="23">
        <v>100</v>
      </c>
      <c r="E71" s="24">
        <v>95.4</v>
      </c>
      <c r="F71" s="25">
        <v>1.5</v>
      </c>
      <c r="G71" s="26">
        <v>3.1</v>
      </c>
    </row>
    <row r="72" spans="2:7" x14ac:dyDescent="0.2">
      <c r="B72" s="29"/>
      <c r="C72" s="2" t="s">
        <v>59</v>
      </c>
      <c r="D72" s="19">
        <v>1</v>
      </c>
      <c r="E72" s="20">
        <v>1</v>
      </c>
      <c r="F72" s="21" t="s">
        <v>152</v>
      </c>
      <c r="G72" s="22" t="s">
        <v>152</v>
      </c>
    </row>
    <row r="73" spans="2:7" x14ac:dyDescent="0.2">
      <c r="B73" s="29"/>
      <c r="C73" s="7"/>
      <c r="D73" s="23">
        <v>100</v>
      </c>
      <c r="E73" s="24">
        <v>100</v>
      </c>
      <c r="F73" s="25" t="s">
        <v>152</v>
      </c>
      <c r="G73" s="26" t="s">
        <v>152</v>
      </c>
    </row>
    <row r="74" spans="2:7" x14ac:dyDescent="0.2">
      <c r="B74" s="29"/>
      <c r="C74" s="2" t="s">
        <v>69</v>
      </c>
      <c r="D74" s="19">
        <v>29</v>
      </c>
      <c r="E74" s="20">
        <v>21</v>
      </c>
      <c r="F74" s="21">
        <v>8</v>
      </c>
      <c r="G74" s="22" t="s">
        <v>152</v>
      </c>
    </row>
    <row r="75" spans="2:7" x14ac:dyDescent="0.2">
      <c r="B75" s="29"/>
      <c r="C75" s="7"/>
      <c r="D75" s="23">
        <v>100</v>
      </c>
      <c r="E75" s="24">
        <v>72.400000000000006</v>
      </c>
      <c r="F75" s="25">
        <v>27.6</v>
      </c>
      <c r="G75" s="26" t="s">
        <v>152</v>
      </c>
    </row>
    <row r="76" spans="2:7" x14ac:dyDescent="0.2">
      <c r="B76" s="29"/>
      <c r="C76" s="2" t="s">
        <v>149</v>
      </c>
      <c r="D76" s="19">
        <v>30</v>
      </c>
      <c r="E76" s="20">
        <v>22</v>
      </c>
      <c r="F76" s="21">
        <v>8</v>
      </c>
      <c r="G76" s="22" t="s">
        <v>152</v>
      </c>
    </row>
    <row r="77" spans="2:7" x14ac:dyDescent="0.2">
      <c r="B77" s="29"/>
      <c r="C77" s="7"/>
      <c r="D77" s="23">
        <v>100</v>
      </c>
      <c r="E77" s="24">
        <v>73.333333333333329</v>
      </c>
      <c r="F77" s="25">
        <v>26.666666666666668</v>
      </c>
      <c r="G77" s="26" t="s">
        <v>152</v>
      </c>
    </row>
    <row r="78" spans="2:7" x14ac:dyDescent="0.2">
      <c r="B78" s="29"/>
      <c r="C78" s="2" t="s">
        <v>70</v>
      </c>
      <c r="D78" s="19">
        <v>64</v>
      </c>
      <c r="E78" s="20">
        <v>49</v>
      </c>
      <c r="F78" s="21">
        <v>10</v>
      </c>
      <c r="G78" s="22">
        <v>5</v>
      </c>
    </row>
    <row r="79" spans="2:7" x14ac:dyDescent="0.2">
      <c r="B79" s="29"/>
      <c r="C79" s="7"/>
      <c r="D79" s="23">
        <v>100</v>
      </c>
      <c r="E79" s="24">
        <v>76.599999999999994</v>
      </c>
      <c r="F79" s="25">
        <v>15.6</v>
      </c>
      <c r="G79" s="26">
        <v>7.8</v>
      </c>
    </row>
    <row r="80" spans="2:7" x14ac:dyDescent="0.2">
      <c r="B80" s="29"/>
      <c r="C80" s="2" t="s">
        <v>71</v>
      </c>
      <c r="D80" s="19">
        <v>112</v>
      </c>
      <c r="E80" s="20">
        <v>96</v>
      </c>
      <c r="F80" s="21">
        <v>13</v>
      </c>
      <c r="G80" s="22">
        <v>3</v>
      </c>
    </row>
    <row r="81" spans="2:7" x14ac:dyDescent="0.2">
      <c r="B81" s="29"/>
      <c r="C81" s="7"/>
      <c r="D81" s="23">
        <v>100</v>
      </c>
      <c r="E81" s="24">
        <v>85.7</v>
      </c>
      <c r="F81" s="25">
        <v>11.6</v>
      </c>
      <c r="G81" s="26">
        <v>2.7</v>
      </c>
    </row>
    <row r="82" spans="2:7" x14ac:dyDescent="0.2">
      <c r="B82" s="29"/>
      <c r="C82" s="2" t="s">
        <v>72</v>
      </c>
      <c r="D82" s="19">
        <v>137</v>
      </c>
      <c r="E82" s="20">
        <v>128</v>
      </c>
      <c r="F82" s="21">
        <v>6</v>
      </c>
      <c r="G82" s="22">
        <v>3</v>
      </c>
    </row>
    <row r="83" spans="2:7" x14ac:dyDescent="0.2">
      <c r="B83" s="29"/>
      <c r="C83" s="7"/>
      <c r="D83" s="23">
        <v>100</v>
      </c>
      <c r="E83" s="24">
        <v>93.4</v>
      </c>
      <c r="F83" s="25">
        <v>4.4000000000000004</v>
      </c>
      <c r="G83" s="26">
        <v>2.2000000000000002</v>
      </c>
    </row>
    <row r="84" spans="2:7" x14ac:dyDescent="0.2">
      <c r="B84" s="29"/>
      <c r="C84" s="2" t="s">
        <v>73</v>
      </c>
      <c r="D84" s="19">
        <v>112</v>
      </c>
      <c r="E84" s="20">
        <v>109</v>
      </c>
      <c r="F84" s="21">
        <v>2</v>
      </c>
      <c r="G84" s="22">
        <v>1</v>
      </c>
    </row>
    <row r="85" spans="2:7" x14ac:dyDescent="0.2">
      <c r="B85" s="29"/>
      <c r="C85" s="7"/>
      <c r="D85" s="23">
        <v>100</v>
      </c>
      <c r="E85" s="24">
        <v>97.3</v>
      </c>
      <c r="F85" s="25">
        <v>1.8</v>
      </c>
      <c r="G85" s="26">
        <v>0.9</v>
      </c>
    </row>
    <row r="86" spans="2:7" x14ac:dyDescent="0.2">
      <c r="B86" s="29"/>
      <c r="C86" s="2" t="s">
        <v>60</v>
      </c>
      <c r="D86" s="19">
        <v>66</v>
      </c>
      <c r="E86" s="20">
        <v>61</v>
      </c>
      <c r="F86" s="21">
        <v>3</v>
      </c>
      <c r="G86" s="22">
        <v>2</v>
      </c>
    </row>
    <row r="87" spans="2:7" x14ac:dyDescent="0.2">
      <c r="B87" s="29"/>
      <c r="C87" s="7"/>
      <c r="D87" s="23">
        <v>100</v>
      </c>
      <c r="E87" s="24">
        <v>92.4</v>
      </c>
      <c r="F87" s="25">
        <v>4.5</v>
      </c>
      <c r="G87" s="26">
        <v>3</v>
      </c>
    </row>
    <row r="88" spans="2:7" x14ac:dyDescent="0.2">
      <c r="B88" s="29"/>
      <c r="C88" s="2" t="s">
        <v>74</v>
      </c>
      <c r="D88" s="19">
        <v>83</v>
      </c>
      <c r="E88" s="20">
        <v>77</v>
      </c>
      <c r="F88" s="21">
        <v>2</v>
      </c>
      <c r="G88" s="22">
        <v>4</v>
      </c>
    </row>
    <row r="89" spans="2:7" x14ac:dyDescent="0.2">
      <c r="B89" s="29"/>
      <c r="C89" s="7"/>
      <c r="D89" s="23">
        <v>100</v>
      </c>
      <c r="E89" s="24">
        <v>92.8</v>
      </c>
      <c r="F89" s="25">
        <v>2.4</v>
      </c>
      <c r="G89" s="26">
        <v>4.8</v>
      </c>
    </row>
    <row r="90" spans="2:7" x14ac:dyDescent="0.2">
      <c r="B90" s="29"/>
      <c r="C90" s="2" t="s">
        <v>0</v>
      </c>
      <c r="D90" s="19">
        <v>75</v>
      </c>
      <c r="E90" s="20">
        <v>62</v>
      </c>
      <c r="F90" s="21">
        <v>6</v>
      </c>
      <c r="G90" s="22">
        <v>7</v>
      </c>
    </row>
    <row r="91" spans="2:7" x14ac:dyDescent="0.2">
      <c r="B91" s="29"/>
      <c r="C91" s="7"/>
      <c r="D91" s="23">
        <v>100</v>
      </c>
      <c r="E91" s="24">
        <v>82.7</v>
      </c>
      <c r="F91" s="25">
        <v>8</v>
      </c>
      <c r="G91" s="26">
        <v>9.3000000000000007</v>
      </c>
    </row>
    <row r="92" spans="2:7" x14ac:dyDescent="0.2">
      <c r="B92" s="28" t="s">
        <v>32</v>
      </c>
      <c r="C92" s="9" t="s">
        <v>12</v>
      </c>
      <c r="D92" s="11">
        <v>1241</v>
      </c>
      <c r="E92" s="31">
        <v>1110</v>
      </c>
      <c r="F92" s="13">
        <v>95</v>
      </c>
      <c r="G92" s="14">
        <v>36</v>
      </c>
    </row>
    <row r="93" spans="2:7" x14ac:dyDescent="0.2">
      <c r="B93" s="29"/>
      <c r="C93" s="8"/>
      <c r="D93" s="15">
        <v>100</v>
      </c>
      <c r="E93" s="16">
        <v>89.4</v>
      </c>
      <c r="F93" s="17">
        <v>7.7</v>
      </c>
      <c r="G93" s="18">
        <v>2.9</v>
      </c>
    </row>
    <row r="94" spans="2:7" x14ac:dyDescent="0.2">
      <c r="B94" s="29"/>
      <c r="C94" s="2" t="s">
        <v>21</v>
      </c>
      <c r="D94" s="19">
        <v>65</v>
      </c>
      <c r="E94" s="20">
        <v>54</v>
      </c>
      <c r="F94" s="21">
        <v>8</v>
      </c>
      <c r="G94" s="22">
        <v>3</v>
      </c>
    </row>
    <row r="95" spans="2:7" x14ac:dyDescent="0.2">
      <c r="B95" s="29"/>
      <c r="C95" s="7"/>
      <c r="D95" s="23">
        <v>100</v>
      </c>
      <c r="E95" s="24">
        <v>83.1</v>
      </c>
      <c r="F95" s="25">
        <v>12.3</v>
      </c>
      <c r="G95" s="26">
        <v>4.5999999999999996</v>
      </c>
    </row>
    <row r="96" spans="2:7" x14ac:dyDescent="0.2">
      <c r="B96" s="29"/>
      <c r="C96" s="2" t="s">
        <v>20</v>
      </c>
      <c r="D96" s="19">
        <v>7</v>
      </c>
      <c r="E96" s="20">
        <v>7</v>
      </c>
      <c r="F96" s="21" t="s">
        <v>152</v>
      </c>
      <c r="G96" s="22" t="s">
        <v>152</v>
      </c>
    </row>
    <row r="97" spans="2:7" x14ac:dyDescent="0.2">
      <c r="B97" s="29"/>
      <c r="C97" s="7"/>
      <c r="D97" s="23">
        <v>100</v>
      </c>
      <c r="E97" s="24">
        <v>100</v>
      </c>
      <c r="F97" s="25" t="s">
        <v>152</v>
      </c>
      <c r="G97" s="26" t="s">
        <v>152</v>
      </c>
    </row>
    <row r="98" spans="2:7" x14ac:dyDescent="0.2">
      <c r="B98" s="29"/>
      <c r="C98" s="2" t="s">
        <v>19</v>
      </c>
      <c r="D98" s="19">
        <v>484</v>
      </c>
      <c r="E98" s="20">
        <v>426</v>
      </c>
      <c r="F98" s="21">
        <v>50</v>
      </c>
      <c r="G98" s="22">
        <v>8</v>
      </c>
    </row>
    <row r="99" spans="2:7" x14ac:dyDescent="0.2">
      <c r="B99" s="29"/>
      <c r="C99" s="7"/>
      <c r="D99" s="23">
        <v>100</v>
      </c>
      <c r="E99" s="24">
        <v>88</v>
      </c>
      <c r="F99" s="25">
        <v>10.3</v>
      </c>
      <c r="G99" s="26">
        <v>1.7</v>
      </c>
    </row>
    <row r="100" spans="2:7" x14ac:dyDescent="0.2">
      <c r="B100" s="29"/>
      <c r="C100" s="2" t="s">
        <v>18</v>
      </c>
      <c r="D100" s="19">
        <v>195</v>
      </c>
      <c r="E100" s="20">
        <v>170</v>
      </c>
      <c r="F100" s="21">
        <v>17</v>
      </c>
      <c r="G100" s="22">
        <v>8</v>
      </c>
    </row>
    <row r="101" spans="2:7" x14ac:dyDescent="0.2">
      <c r="B101" s="29"/>
      <c r="C101" s="7"/>
      <c r="D101" s="23">
        <v>100</v>
      </c>
      <c r="E101" s="24">
        <v>87.2</v>
      </c>
      <c r="F101" s="25">
        <v>8.6999999999999993</v>
      </c>
      <c r="G101" s="26">
        <v>4.0999999999999996</v>
      </c>
    </row>
    <row r="102" spans="2:7" x14ac:dyDescent="0.2">
      <c r="B102" s="29"/>
      <c r="C102" s="2" t="s">
        <v>17</v>
      </c>
      <c r="D102" s="19">
        <v>1</v>
      </c>
      <c r="E102" s="20">
        <v>1</v>
      </c>
      <c r="F102" s="21" t="s">
        <v>152</v>
      </c>
      <c r="G102" s="22" t="s">
        <v>152</v>
      </c>
    </row>
    <row r="103" spans="2:7" x14ac:dyDescent="0.2">
      <c r="B103" s="29"/>
      <c r="C103" s="7"/>
      <c r="D103" s="23">
        <v>100</v>
      </c>
      <c r="E103" s="24">
        <v>100</v>
      </c>
      <c r="F103" s="25" t="s">
        <v>152</v>
      </c>
      <c r="G103" s="26" t="s">
        <v>152</v>
      </c>
    </row>
    <row r="104" spans="2:7" x14ac:dyDescent="0.2">
      <c r="B104" s="29"/>
      <c r="C104" s="2" t="s">
        <v>151</v>
      </c>
      <c r="D104" s="19">
        <v>178</v>
      </c>
      <c r="E104" s="20">
        <v>168</v>
      </c>
      <c r="F104" s="21">
        <v>7</v>
      </c>
      <c r="G104" s="22">
        <v>3</v>
      </c>
    </row>
    <row r="105" spans="2:7" x14ac:dyDescent="0.2">
      <c r="B105" s="29"/>
      <c r="C105" s="7"/>
      <c r="D105" s="23">
        <v>100</v>
      </c>
      <c r="E105" s="24">
        <v>94.4</v>
      </c>
      <c r="F105" s="25">
        <v>3.9</v>
      </c>
      <c r="G105" s="26">
        <v>1.7</v>
      </c>
    </row>
    <row r="106" spans="2:7" x14ac:dyDescent="0.2">
      <c r="B106" s="29"/>
      <c r="C106" s="2" t="s">
        <v>16</v>
      </c>
      <c r="D106" s="19">
        <v>10</v>
      </c>
      <c r="E106" s="20">
        <v>10</v>
      </c>
      <c r="F106" s="21" t="s">
        <v>152</v>
      </c>
      <c r="G106" s="22" t="s">
        <v>152</v>
      </c>
    </row>
    <row r="107" spans="2:7" x14ac:dyDescent="0.2">
      <c r="B107" s="29"/>
      <c r="C107" s="7"/>
      <c r="D107" s="23">
        <v>100</v>
      </c>
      <c r="E107" s="24">
        <v>100</v>
      </c>
      <c r="F107" s="25" t="s">
        <v>152</v>
      </c>
      <c r="G107" s="26" t="s">
        <v>152</v>
      </c>
    </row>
    <row r="108" spans="2:7" x14ac:dyDescent="0.2">
      <c r="B108" s="29"/>
      <c r="C108" s="2" t="s">
        <v>15</v>
      </c>
      <c r="D108" s="19">
        <v>211</v>
      </c>
      <c r="E108" s="20">
        <v>196</v>
      </c>
      <c r="F108" s="21">
        <v>8</v>
      </c>
      <c r="G108" s="22">
        <v>7</v>
      </c>
    </row>
    <row r="109" spans="2:7" x14ac:dyDescent="0.2">
      <c r="B109" s="29"/>
      <c r="C109" s="7"/>
      <c r="D109" s="23">
        <v>100</v>
      </c>
      <c r="E109" s="24">
        <v>92.9</v>
      </c>
      <c r="F109" s="25">
        <v>3.8</v>
      </c>
      <c r="G109" s="26">
        <v>3.3</v>
      </c>
    </row>
    <row r="110" spans="2:7" x14ac:dyDescent="0.2">
      <c r="B110" s="29"/>
      <c r="C110" s="2" t="s">
        <v>14</v>
      </c>
      <c r="D110" s="19">
        <v>12</v>
      </c>
      <c r="E110" s="20">
        <v>12</v>
      </c>
      <c r="F110" s="21" t="s">
        <v>152</v>
      </c>
      <c r="G110" s="22" t="s">
        <v>152</v>
      </c>
    </row>
    <row r="111" spans="2:7" x14ac:dyDescent="0.2">
      <c r="B111" s="29"/>
      <c r="C111" s="7"/>
      <c r="D111" s="23">
        <v>100</v>
      </c>
      <c r="E111" s="24">
        <v>100</v>
      </c>
      <c r="F111" s="25" t="s">
        <v>152</v>
      </c>
      <c r="G111" s="26" t="s">
        <v>152</v>
      </c>
    </row>
    <row r="112" spans="2:7" x14ac:dyDescent="0.2">
      <c r="B112" s="29"/>
      <c r="C112" s="2" t="s">
        <v>13</v>
      </c>
      <c r="D112" s="19">
        <v>78</v>
      </c>
      <c r="E112" s="20">
        <v>66</v>
      </c>
      <c r="F112" s="21">
        <v>5</v>
      </c>
      <c r="G112" s="22">
        <v>7</v>
      </c>
    </row>
    <row r="113" spans="2:7" x14ac:dyDescent="0.2">
      <c r="B113" s="30"/>
      <c r="C113" s="10"/>
      <c r="D113" s="15">
        <v>100</v>
      </c>
      <c r="E113" s="16">
        <v>84.6</v>
      </c>
      <c r="F113" s="17">
        <v>6.4</v>
      </c>
      <c r="G113" s="18">
        <v>9</v>
      </c>
    </row>
    <row r="114" spans="2:7" x14ac:dyDescent="0.2">
      <c r="B114" s="28" t="s">
        <v>31</v>
      </c>
      <c r="C114" s="9" t="s">
        <v>12</v>
      </c>
      <c r="D114" s="11">
        <v>752</v>
      </c>
      <c r="E114" s="12">
        <v>658</v>
      </c>
      <c r="F114" s="13">
        <v>75</v>
      </c>
      <c r="G114" s="14">
        <v>19</v>
      </c>
    </row>
    <row r="115" spans="2:7" x14ac:dyDescent="0.2">
      <c r="B115" s="29"/>
      <c r="C115" s="8"/>
      <c r="D115" s="15">
        <v>100</v>
      </c>
      <c r="E115" s="16">
        <v>87.5</v>
      </c>
      <c r="F115" s="17">
        <v>10</v>
      </c>
      <c r="G115" s="18">
        <v>2.5</v>
      </c>
    </row>
    <row r="116" spans="2:7" x14ac:dyDescent="0.2">
      <c r="B116" s="29"/>
      <c r="C116" s="2" t="s">
        <v>11</v>
      </c>
      <c r="D116" s="19">
        <v>2</v>
      </c>
      <c r="E116" s="20">
        <v>1</v>
      </c>
      <c r="F116" s="21" t="s">
        <v>152</v>
      </c>
      <c r="G116" s="22">
        <v>1</v>
      </c>
    </row>
    <row r="117" spans="2:7" x14ac:dyDescent="0.2">
      <c r="B117" s="29"/>
      <c r="C117" s="7"/>
      <c r="D117" s="23">
        <v>100</v>
      </c>
      <c r="E117" s="24">
        <v>50</v>
      </c>
      <c r="F117" s="25" t="s">
        <v>152</v>
      </c>
      <c r="G117" s="26">
        <v>50</v>
      </c>
    </row>
    <row r="118" spans="2:7" x14ac:dyDescent="0.2">
      <c r="B118" s="29"/>
      <c r="C118" s="2" t="s">
        <v>10</v>
      </c>
      <c r="D118" s="19">
        <v>32</v>
      </c>
      <c r="E118" s="20">
        <v>27</v>
      </c>
      <c r="F118" s="21">
        <v>4</v>
      </c>
      <c r="G118" s="22">
        <v>1</v>
      </c>
    </row>
    <row r="119" spans="2:7" x14ac:dyDescent="0.2">
      <c r="B119" s="29"/>
      <c r="C119" s="7"/>
      <c r="D119" s="23">
        <v>100</v>
      </c>
      <c r="E119" s="24">
        <v>84.4</v>
      </c>
      <c r="F119" s="25">
        <v>12.5</v>
      </c>
      <c r="G119" s="26">
        <v>3.1</v>
      </c>
    </row>
    <row r="120" spans="2:7" x14ac:dyDescent="0.2">
      <c r="B120" s="29"/>
      <c r="C120" s="2" t="s">
        <v>9</v>
      </c>
      <c r="D120" s="19">
        <v>33</v>
      </c>
      <c r="E120" s="20">
        <v>28</v>
      </c>
      <c r="F120" s="21">
        <v>4</v>
      </c>
      <c r="G120" s="22">
        <v>1</v>
      </c>
    </row>
    <row r="121" spans="2:7" x14ac:dyDescent="0.2">
      <c r="B121" s="29"/>
      <c r="C121" s="7"/>
      <c r="D121" s="23">
        <v>100</v>
      </c>
      <c r="E121" s="24">
        <v>84.8</v>
      </c>
      <c r="F121" s="25">
        <v>12.1</v>
      </c>
      <c r="G121" s="26">
        <v>3</v>
      </c>
    </row>
    <row r="122" spans="2:7" x14ac:dyDescent="0.2">
      <c r="B122" s="29"/>
      <c r="C122" s="2" t="s">
        <v>8</v>
      </c>
      <c r="D122" s="19">
        <v>71</v>
      </c>
      <c r="E122" s="20">
        <v>61</v>
      </c>
      <c r="F122" s="21">
        <v>9</v>
      </c>
      <c r="G122" s="22">
        <v>1</v>
      </c>
    </row>
    <row r="123" spans="2:7" x14ac:dyDescent="0.2">
      <c r="B123" s="29"/>
      <c r="C123" s="7"/>
      <c r="D123" s="23">
        <v>100</v>
      </c>
      <c r="E123" s="24">
        <v>85.9</v>
      </c>
      <c r="F123" s="25">
        <v>12.7</v>
      </c>
      <c r="G123" s="26">
        <v>1.4</v>
      </c>
    </row>
    <row r="124" spans="2:7" x14ac:dyDescent="0.2">
      <c r="B124" s="29"/>
      <c r="C124" s="2" t="s">
        <v>7</v>
      </c>
      <c r="D124" s="19">
        <v>152</v>
      </c>
      <c r="E124" s="20">
        <v>130</v>
      </c>
      <c r="F124" s="21">
        <v>18</v>
      </c>
      <c r="G124" s="22">
        <v>4</v>
      </c>
    </row>
    <row r="125" spans="2:7" x14ac:dyDescent="0.2">
      <c r="B125" s="29"/>
      <c r="C125" s="7"/>
      <c r="D125" s="23">
        <v>100</v>
      </c>
      <c r="E125" s="24">
        <v>85.5</v>
      </c>
      <c r="F125" s="25">
        <v>11.8</v>
      </c>
      <c r="G125" s="26">
        <v>2.6</v>
      </c>
    </row>
    <row r="126" spans="2:7" x14ac:dyDescent="0.2">
      <c r="B126" s="29"/>
      <c r="C126" s="2" t="s">
        <v>6</v>
      </c>
      <c r="D126" s="19">
        <v>176</v>
      </c>
      <c r="E126" s="20">
        <v>164</v>
      </c>
      <c r="F126" s="21">
        <v>11</v>
      </c>
      <c r="G126" s="22">
        <v>1</v>
      </c>
    </row>
    <row r="127" spans="2:7" x14ac:dyDescent="0.2">
      <c r="B127" s="29"/>
      <c r="C127" s="7"/>
      <c r="D127" s="23">
        <v>100</v>
      </c>
      <c r="E127" s="24">
        <v>93.2</v>
      </c>
      <c r="F127" s="25">
        <v>6.3</v>
      </c>
      <c r="G127" s="26">
        <v>0.6</v>
      </c>
    </row>
    <row r="128" spans="2:7" x14ac:dyDescent="0.2">
      <c r="B128" s="29"/>
      <c r="C128" s="2" t="s">
        <v>5</v>
      </c>
      <c r="D128" s="19">
        <v>37</v>
      </c>
      <c r="E128" s="20">
        <v>31</v>
      </c>
      <c r="F128" s="21">
        <v>4</v>
      </c>
      <c r="G128" s="22">
        <v>2</v>
      </c>
    </row>
    <row r="129" spans="2:7" x14ac:dyDescent="0.2">
      <c r="B129" s="29"/>
      <c r="C129" s="7"/>
      <c r="D129" s="23">
        <v>100</v>
      </c>
      <c r="E129" s="24">
        <v>83.8</v>
      </c>
      <c r="F129" s="25">
        <v>10.8</v>
      </c>
      <c r="G129" s="26">
        <v>5.4</v>
      </c>
    </row>
    <row r="130" spans="2:7" x14ac:dyDescent="0.2">
      <c r="B130" s="29"/>
      <c r="C130" s="2" t="s">
        <v>4</v>
      </c>
      <c r="D130" s="19">
        <v>67</v>
      </c>
      <c r="E130" s="20">
        <v>61</v>
      </c>
      <c r="F130" s="21">
        <v>5</v>
      </c>
      <c r="G130" s="22">
        <v>1</v>
      </c>
    </row>
    <row r="131" spans="2:7" x14ac:dyDescent="0.2">
      <c r="B131" s="29"/>
      <c r="C131" s="7"/>
      <c r="D131" s="23">
        <v>100</v>
      </c>
      <c r="E131" s="24">
        <v>91</v>
      </c>
      <c r="F131" s="25">
        <v>7.5</v>
      </c>
      <c r="G131" s="26">
        <v>1.5</v>
      </c>
    </row>
    <row r="132" spans="2:7" x14ac:dyDescent="0.2">
      <c r="B132" s="29"/>
      <c r="C132" s="2" t="s">
        <v>3</v>
      </c>
      <c r="D132" s="19">
        <v>159</v>
      </c>
      <c r="E132" s="20">
        <v>135</v>
      </c>
      <c r="F132" s="21">
        <v>18</v>
      </c>
      <c r="G132" s="22">
        <v>6</v>
      </c>
    </row>
    <row r="133" spans="2:7" x14ac:dyDescent="0.2">
      <c r="B133" s="29"/>
      <c r="C133" s="7"/>
      <c r="D133" s="23">
        <v>100</v>
      </c>
      <c r="E133" s="24">
        <v>84.9</v>
      </c>
      <c r="F133" s="25">
        <v>11.3</v>
      </c>
      <c r="G133" s="26">
        <v>3.8</v>
      </c>
    </row>
    <row r="134" spans="2:7" x14ac:dyDescent="0.2">
      <c r="B134" s="29"/>
      <c r="C134" s="2" t="s">
        <v>2</v>
      </c>
      <c r="D134" s="19">
        <v>23</v>
      </c>
      <c r="E134" s="20">
        <v>20</v>
      </c>
      <c r="F134" s="21">
        <v>2</v>
      </c>
      <c r="G134" s="22">
        <v>1</v>
      </c>
    </row>
    <row r="135" spans="2:7" x14ac:dyDescent="0.2">
      <c r="B135" s="30"/>
      <c r="C135" s="10"/>
      <c r="D135" s="15">
        <v>100</v>
      </c>
      <c r="E135" s="16">
        <v>87</v>
      </c>
      <c r="F135" s="17">
        <v>8.6999999999999993</v>
      </c>
      <c r="G135" s="18">
        <v>4.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topLeftCell="A5" workbookViewId="0">
      <selection activeCell="E48" sqref="E48"/>
    </sheetView>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78</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31">
        <v>1110</v>
      </c>
      <c r="F4" s="13">
        <v>95</v>
      </c>
      <c r="G4" s="14">
        <v>36</v>
      </c>
    </row>
    <row r="5" spans="2:7" x14ac:dyDescent="0.2">
      <c r="B5" s="29"/>
      <c r="C5" s="8"/>
      <c r="D5" s="15">
        <v>100</v>
      </c>
      <c r="E5" s="16">
        <v>89.4</v>
      </c>
      <c r="F5" s="17">
        <v>7.7</v>
      </c>
      <c r="G5" s="18">
        <v>2.9</v>
      </c>
    </row>
    <row r="6" spans="2:7" x14ac:dyDescent="0.2">
      <c r="B6" s="29"/>
      <c r="C6" s="2" t="s">
        <v>52</v>
      </c>
      <c r="D6" s="19">
        <v>557</v>
      </c>
      <c r="E6" s="20">
        <v>520</v>
      </c>
      <c r="F6" s="21">
        <v>24</v>
      </c>
      <c r="G6" s="22">
        <v>13</v>
      </c>
    </row>
    <row r="7" spans="2:7" x14ac:dyDescent="0.2">
      <c r="B7" s="29"/>
      <c r="C7" s="7"/>
      <c r="D7" s="23">
        <v>100</v>
      </c>
      <c r="E7" s="24">
        <v>93.4</v>
      </c>
      <c r="F7" s="25">
        <v>4.3</v>
      </c>
      <c r="G7" s="26">
        <v>2.2999999999999998</v>
      </c>
    </row>
    <row r="8" spans="2:7" x14ac:dyDescent="0.2">
      <c r="B8" s="29"/>
      <c r="C8" s="2" t="s">
        <v>51</v>
      </c>
      <c r="D8" s="19">
        <v>595</v>
      </c>
      <c r="E8" s="20">
        <v>519</v>
      </c>
      <c r="F8" s="21">
        <v>63</v>
      </c>
      <c r="G8" s="22">
        <v>13</v>
      </c>
    </row>
    <row r="9" spans="2:7" x14ac:dyDescent="0.2">
      <c r="B9" s="29"/>
      <c r="C9" s="7"/>
      <c r="D9" s="23">
        <v>100</v>
      </c>
      <c r="E9" s="24">
        <v>87.2</v>
      </c>
      <c r="F9" s="25">
        <v>10.6</v>
      </c>
      <c r="G9" s="26">
        <v>2.2000000000000002</v>
      </c>
    </row>
    <row r="10" spans="2:7" x14ac:dyDescent="0.2">
      <c r="B10" s="29"/>
      <c r="C10" s="2" t="s">
        <v>13</v>
      </c>
      <c r="D10" s="19">
        <v>89</v>
      </c>
      <c r="E10" s="20">
        <v>71</v>
      </c>
      <c r="F10" s="21">
        <v>8</v>
      </c>
      <c r="G10" s="22">
        <v>10</v>
      </c>
    </row>
    <row r="11" spans="2:7" x14ac:dyDescent="0.2">
      <c r="B11" s="30"/>
      <c r="C11" s="10"/>
      <c r="D11" s="15">
        <v>100</v>
      </c>
      <c r="E11" s="16">
        <v>79.8</v>
      </c>
      <c r="F11" s="17">
        <v>9</v>
      </c>
      <c r="G11" s="18">
        <v>11.2</v>
      </c>
    </row>
    <row r="12" spans="2:7" x14ac:dyDescent="0.2">
      <c r="B12" s="28" t="s">
        <v>54</v>
      </c>
      <c r="C12" s="9" t="s">
        <v>12</v>
      </c>
      <c r="D12" s="11">
        <v>1241</v>
      </c>
      <c r="E12" s="31">
        <v>1110</v>
      </c>
      <c r="F12" s="13">
        <v>95</v>
      </c>
      <c r="G12" s="14">
        <v>36</v>
      </c>
    </row>
    <row r="13" spans="2:7" x14ac:dyDescent="0.2">
      <c r="B13" s="29"/>
      <c r="C13" s="8"/>
      <c r="D13" s="15">
        <v>100</v>
      </c>
      <c r="E13" s="16">
        <v>89.4</v>
      </c>
      <c r="F13" s="17">
        <v>7.7</v>
      </c>
      <c r="G13" s="18">
        <v>2.9</v>
      </c>
    </row>
    <row r="14" spans="2:7" x14ac:dyDescent="0.2">
      <c r="B14" s="29"/>
      <c r="C14" s="2" t="s">
        <v>50</v>
      </c>
      <c r="D14" s="19">
        <v>84</v>
      </c>
      <c r="E14" s="20">
        <v>68</v>
      </c>
      <c r="F14" s="21">
        <v>13</v>
      </c>
      <c r="G14" s="22">
        <v>3</v>
      </c>
    </row>
    <row r="15" spans="2:7" x14ac:dyDescent="0.2">
      <c r="B15" s="29"/>
      <c r="C15" s="7"/>
      <c r="D15" s="23">
        <v>100</v>
      </c>
      <c r="E15" s="24">
        <v>81</v>
      </c>
      <c r="F15" s="25">
        <v>15.5</v>
      </c>
      <c r="G15" s="26">
        <v>3.6</v>
      </c>
    </row>
    <row r="16" spans="2:7" x14ac:dyDescent="0.2">
      <c r="B16" s="29"/>
      <c r="C16" s="2" t="s">
        <v>49</v>
      </c>
      <c r="D16" s="19">
        <v>97</v>
      </c>
      <c r="E16" s="20">
        <v>84</v>
      </c>
      <c r="F16" s="21">
        <v>10</v>
      </c>
      <c r="G16" s="22">
        <v>3</v>
      </c>
    </row>
    <row r="17" spans="2:7" x14ac:dyDescent="0.2">
      <c r="B17" s="29"/>
      <c r="C17" s="7"/>
      <c r="D17" s="23">
        <v>100</v>
      </c>
      <c r="E17" s="24">
        <v>86.6</v>
      </c>
      <c r="F17" s="25">
        <v>10.3</v>
      </c>
      <c r="G17" s="26">
        <v>3.1</v>
      </c>
    </row>
    <row r="18" spans="2:7" x14ac:dyDescent="0.2">
      <c r="B18" s="29"/>
      <c r="C18" s="2" t="s">
        <v>48</v>
      </c>
      <c r="D18" s="19">
        <v>79</v>
      </c>
      <c r="E18" s="20">
        <v>69</v>
      </c>
      <c r="F18" s="21">
        <v>10</v>
      </c>
      <c r="G18" s="22" t="s">
        <v>152</v>
      </c>
    </row>
    <row r="19" spans="2:7" x14ac:dyDescent="0.2">
      <c r="B19" s="29"/>
      <c r="C19" s="7"/>
      <c r="D19" s="23">
        <v>100</v>
      </c>
      <c r="E19" s="24">
        <v>87.3</v>
      </c>
      <c r="F19" s="25">
        <v>12.7</v>
      </c>
      <c r="G19" s="26" t="s">
        <v>152</v>
      </c>
    </row>
    <row r="20" spans="2:7" x14ac:dyDescent="0.2">
      <c r="B20" s="29"/>
      <c r="C20" s="2" t="s">
        <v>47</v>
      </c>
      <c r="D20" s="19">
        <v>72</v>
      </c>
      <c r="E20" s="20">
        <v>60</v>
      </c>
      <c r="F20" s="21">
        <v>11</v>
      </c>
      <c r="G20" s="22">
        <v>1</v>
      </c>
    </row>
    <row r="21" spans="2:7" x14ac:dyDescent="0.2">
      <c r="B21" s="29"/>
      <c r="C21" s="7"/>
      <c r="D21" s="23">
        <v>100</v>
      </c>
      <c r="E21" s="24">
        <v>83.3</v>
      </c>
      <c r="F21" s="25">
        <v>15.3</v>
      </c>
      <c r="G21" s="26">
        <v>1.4</v>
      </c>
    </row>
    <row r="22" spans="2:7" x14ac:dyDescent="0.2">
      <c r="B22" s="29"/>
      <c r="C22" s="2" t="s">
        <v>46</v>
      </c>
      <c r="D22" s="19">
        <v>15</v>
      </c>
      <c r="E22" s="20">
        <v>15</v>
      </c>
      <c r="F22" s="21" t="s">
        <v>152</v>
      </c>
      <c r="G22" s="22" t="s">
        <v>152</v>
      </c>
    </row>
    <row r="23" spans="2:7" x14ac:dyDescent="0.2">
      <c r="B23" s="29"/>
      <c r="C23" s="7"/>
      <c r="D23" s="23">
        <v>100</v>
      </c>
      <c r="E23" s="24">
        <v>100</v>
      </c>
      <c r="F23" s="25" t="s">
        <v>152</v>
      </c>
      <c r="G23" s="26" t="s">
        <v>152</v>
      </c>
    </row>
    <row r="24" spans="2:7" x14ac:dyDescent="0.2">
      <c r="B24" s="29"/>
      <c r="C24" s="2" t="s">
        <v>45</v>
      </c>
      <c r="D24" s="19">
        <v>77</v>
      </c>
      <c r="E24" s="20">
        <v>70</v>
      </c>
      <c r="F24" s="21">
        <v>7</v>
      </c>
      <c r="G24" s="22" t="s">
        <v>152</v>
      </c>
    </row>
    <row r="25" spans="2:7" x14ac:dyDescent="0.2">
      <c r="B25" s="29"/>
      <c r="C25" s="7"/>
      <c r="D25" s="23">
        <v>100</v>
      </c>
      <c r="E25" s="24">
        <v>90.9</v>
      </c>
      <c r="F25" s="25">
        <v>9.1</v>
      </c>
      <c r="G25" s="26" t="s">
        <v>152</v>
      </c>
    </row>
    <row r="26" spans="2:7" x14ac:dyDescent="0.2">
      <c r="B26" s="29"/>
      <c r="C26" s="2" t="s">
        <v>44</v>
      </c>
      <c r="D26" s="19">
        <v>260</v>
      </c>
      <c r="E26" s="20">
        <v>244</v>
      </c>
      <c r="F26" s="21">
        <v>9</v>
      </c>
      <c r="G26" s="22">
        <v>7</v>
      </c>
    </row>
    <row r="27" spans="2:7" x14ac:dyDescent="0.2">
      <c r="B27" s="29"/>
      <c r="C27" s="7"/>
      <c r="D27" s="23">
        <v>100</v>
      </c>
      <c r="E27" s="24">
        <v>93.8</v>
      </c>
      <c r="F27" s="25">
        <v>3.5</v>
      </c>
      <c r="G27" s="26">
        <v>2.7</v>
      </c>
    </row>
    <row r="28" spans="2:7" x14ac:dyDescent="0.2">
      <c r="B28" s="29"/>
      <c r="C28" s="2" t="s">
        <v>43</v>
      </c>
      <c r="D28" s="19">
        <v>334</v>
      </c>
      <c r="E28" s="20">
        <v>313</v>
      </c>
      <c r="F28" s="21">
        <v>9</v>
      </c>
      <c r="G28" s="22">
        <v>12</v>
      </c>
    </row>
    <row r="29" spans="2:7" x14ac:dyDescent="0.2">
      <c r="B29" s="29"/>
      <c r="C29" s="7"/>
      <c r="D29" s="23">
        <v>100</v>
      </c>
      <c r="E29" s="24">
        <v>93.7</v>
      </c>
      <c r="F29" s="25">
        <v>2.7</v>
      </c>
      <c r="G29" s="26">
        <v>3.6</v>
      </c>
    </row>
    <row r="30" spans="2:7" x14ac:dyDescent="0.2">
      <c r="B30" s="29"/>
      <c r="C30" s="2" t="s">
        <v>14</v>
      </c>
      <c r="D30" s="19">
        <v>28</v>
      </c>
      <c r="E30" s="20">
        <v>25</v>
      </c>
      <c r="F30" s="21">
        <v>1</v>
      </c>
      <c r="G30" s="22">
        <v>2</v>
      </c>
    </row>
    <row r="31" spans="2:7" x14ac:dyDescent="0.2">
      <c r="B31" s="29"/>
      <c r="C31" s="7"/>
      <c r="D31" s="23">
        <v>100</v>
      </c>
      <c r="E31" s="24">
        <v>89.3</v>
      </c>
      <c r="F31" s="25">
        <v>3.6</v>
      </c>
      <c r="G31" s="26">
        <v>7.1</v>
      </c>
    </row>
    <row r="32" spans="2:7" x14ac:dyDescent="0.2">
      <c r="B32" s="29"/>
      <c r="C32" s="2" t="s">
        <v>42</v>
      </c>
      <c r="D32" s="19">
        <v>390</v>
      </c>
      <c r="E32" s="20">
        <v>347</v>
      </c>
      <c r="F32" s="21">
        <v>36</v>
      </c>
      <c r="G32" s="22">
        <v>7</v>
      </c>
    </row>
    <row r="33" spans="2:7" x14ac:dyDescent="0.2">
      <c r="B33" s="29"/>
      <c r="C33" s="7"/>
      <c r="D33" s="23">
        <v>100</v>
      </c>
      <c r="E33" s="24">
        <v>89</v>
      </c>
      <c r="F33" s="25">
        <v>9.1999999999999993</v>
      </c>
      <c r="G33" s="26">
        <v>1.8</v>
      </c>
    </row>
    <row r="34" spans="2:7" x14ac:dyDescent="0.2">
      <c r="B34" s="29"/>
      <c r="C34" s="2" t="s">
        <v>13</v>
      </c>
      <c r="D34" s="19">
        <v>70</v>
      </c>
      <c r="E34" s="20">
        <v>56</v>
      </c>
      <c r="F34" s="21">
        <v>7</v>
      </c>
      <c r="G34" s="22">
        <v>7</v>
      </c>
    </row>
    <row r="35" spans="2:7" x14ac:dyDescent="0.2">
      <c r="B35" s="30"/>
      <c r="C35" s="10"/>
      <c r="D35" s="15">
        <v>100</v>
      </c>
      <c r="E35" s="16">
        <v>80</v>
      </c>
      <c r="F35" s="17">
        <v>10</v>
      </c>
      <c r="G35" s="18">
        <v>10</v>
      </c>
    </row>
    <row r="36" spans="2:7" x14ac:dyDescent="0.2">
      <c r="B36" s="28" t="s">
        <v>53</v>
      </c>
      <c r="C36" s="9" t="s">
        <v>12</v>
      </c>
      <c r="D36" s="11">
        <v>1241</v>
      </c>
      <c r="E36" s="31">
        <v>1110</v>
      </c>
      <c r="F36" s="13">
        <v>95</v>
      </c>
      <c r="G36" s="14">
        <v>36</v>
      </c>
    </row>
    <row r="37" spans="2:7" x14ac:dyDescent="0.2">
      <c r="B37" s="29"/>
      <c r="C37" s="8"/>
      <c r="D37" s="15">
        <v>100</v>
      </c>
      <c r="E37" s="16">
        <v>89.4</v>
      </c>
      <c r="F37" s="17">
        <v>7.7</v>
      </c>
      <c r="G37" s="18">
        <v>2.9</v>
      </c>
    </row>
    <row r="38" spans="2:7" x14ac:dyDescent="0.2">
      <c r="B38" s="29"/>
      <c r="C38" s="2" t="s">
        <v>41</v>
      </c>
      <c r="D38" s="19">
        <v>799</v>
      </c>
      <c r="E38" s="20">
        <v>719</v>
      </c>
      <c r="F38" s="21">
        <v>68</v>
      </c>
      <c r="G38" s="22">
        <v>12</v>
      </c>
    </row>
    <row r="39" spans="2:7" x14ac:dyDescent="0.2">
      <c r="B39" s="29"/>
      <c r="C39" s="7"/>
      <c r="D39" s="23">
        <v>100</v>
      </c>
      <c r="E39" s="24">
        <v>90</v>
      </c>
      <c r="F39" s="25">
        <v>8.5</v>
      </c>
      <c r="G39" s="26">
        <v>1.5</v>
      </c>
    </row>
    <row r="40" spans="2:7" x14ac:dyDescent="0.2">
      <c r="B40" s="29"/>
      <c r="C40" s="2" t="s">
        <v>40</v>
      </c>
      <c r="D40" s="19">
        <v>182</v>
      </c>
      <c r="E40" s="20">
        <v>163</v>
      </c>
      <c r="F40" s="21">
        <v>12</v>
      </c>
      <c r="G40" s="22">
        <v>7</v>
      </c>
    </row>
    <row r="41" spans="2:7" x14ac:dyDescent="0.2">
      <c r="B41" s="29"/>
      <c r="C41" s="7"/>
      <c r="D41" s="23">
        <v>100</v>
      </c>
      <c r="E41" s="24">
        <v>89.6</v>
      </c>
      <c r="F41" s="25">
        <v>6.6</v>
      </c>
      <c r="G41" s="26">
        <v>3.8</v>
      </c>
    </row>
    <row r="42" spans="2:7" x14ac:dyDescent="0.2">
      <c r="B42" s="29"/>
      <c r="C42" s="2" t="s">
        <v>39</v>
      </c>
      <c r="D42" s="19">
        <v>72</v>
      </c>
      <c r="E42" s="20">
        <v>71</v>
      </c>
      <c r="F42" s="21">
        <v>1</v>
      </c>
      <c r="G42" s="22" t="s">
        <v>152</v>
      </c>
    </row>
    <row r="43" spans="2:7" x14ac:dyDescent="0.2">
      <c r="B43" s="29"/>
      <c r="C43" s="7"/>
      <c r="D43" s="23">
        <v>100</v>
      </c>
      <c r="E43" s="24">
        <v>98.6</v>
      </c>
      <c r="F43" s="25">
        <v>1.4</v>
      </c>
      <c r="G43" s="26" t="s">
        <v>152</v>
      </c>
    </row>
    <row r="44" spans="2:7" x14ac:dyDescent="0.2">
      <c r="B44" s="29"/>
      <c r="C44" s="2" t="s">
        <v>38</v>
      </c>
      <c r="D44" s="19">
        <v>127</v>
      </c>
      <c r="E44" s="20">
        <v>108</v>
      </c>
      <c r="F44" s="21">
        <v>9</v>
      </c>
      <c r="G44" s="22">
        <v>10</v>
      </c>
    </row>
    <row r="45" spans="2:7" x14ac:dyDescent="0.2">
      <c r="B45" s="29"/>
      <c r="C45" s="7"/>
      <c r="D45" s="23">
        <v>100</v>
      </c>
      <c r="E45" s="24">
        <v>85</v>
      </c>
      <c r="F45" s="25">
        <v>7.1</v>
      </c>
      <c r="G45" s="26">
        <v>7.9</v>
      </c>
    </row>
    <row r="46" spans="2:7" x14ac:dyDescent="0.2">
      <c r="B46" s="29"/>
      <c r="C46" s="2" t="s">
        <v>13</v>
      </c>
      <c r="D46" s="19">
        <v>61</v>
      </c>
      <c r="E46" s="20">
        <v>49</v>
      </c>
      <c r="F46" s="21">
        <v>5</v>
      </c>
      <c r="G46" s="22">
        <v>7</v>
      </c>
    </row>
    <row r="47" spans="2:7" x14ac:dyDescent="0.2">
      <c r="B47" s="30"/>
      <c r="C47" s="10"/>
      <c r="D47" s="15">
        <v>100</v>
      </c>
      <c r="E47" s="16">
        <v>80.3</v>
      </c>
      <c r="F47" s="17">
        <v>8.1999999999999993</v>
      </c>
      <c r="G47" s="18">
        <v>11.5</v>
      </c>
    </row>
  </sheetData>
  <mergeCells count="3">
    <mergeCell ref="B4:B11"/>
    <mergeCell ref="B12:B35"/>
    <mergeCell ref="B36:B47"/>
  </mergeCells>
  <phoneticPr fontId="2"/>
  <pageMargins left="0.7" right="0.7" top="0.75" bottom="0.75" header="0.3" footer="0.3"/>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77</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895</v>
      </c>
      <c r="F4" s="13">
        <v>304</v>
      </c>
      <c r="G4" s="14">
        <v>42</v>
      </c>
    </row>
    <row r="5" spans="2:7" x14ac:dyDescent="0.2">
      <c r="B5" s="29"/>
      <c r="C5" s="8"/>
      <c r="D5" s="15">
        <v>100</v>
      </c>
      <c r="E5" s="16">
        <v>72.099999999999994</v>
      </c>
      <c r="F5" s="17">
        <v>24.5</v>
      </c>
      <c r="G5" s="18">
        <v>3.4</v>
      </c>
    </row>
    <row r="6" spans="2:7" x14ac:dyDescent="0.2">
      <c r="B6" s="29"/>
      <c r="C6" s="2" t="s">
        <v>30</v>
      </c>
      <c r="D6" s="19">
        <v>499</v>
      </c>
      <c r="E6" s="20">
        <v>375</v>
      </c>
      <c r="F6" s="21">
        <v>113</v>
      </c>
      <c r="G6" s="22">
        <v>11</v>
      </c>
    </row>
    <row r="7" spans="2:7" x14ac:dyDescent="0.2">
      <c r="B7" s="29"/>
      <c r="C7" s="7"/>
      <c r="D7" s="23">
        <v>100</v>
      </c>
      <c r="E7" s="24">
        <v>75.2</v>
      </c>
      <c r="F7" s="25">
        <v>22.6</v>
      </c>
      <c r="G7" s="26">
        <v>2.2000000000000002</v>
      </c>
    </row>
    <row r="8" spans="2:7" x14ac:dyDescent="0.2">
      <c r="B8" s="29"/>
      <c r="C8" s="2" t="s">
        <v>29</v>
      </c>
      <c r="D8" s="19">
        <v>150</v>
      </c>
      <c r="E8" s="20">
        <v>115</v>
      </c>
      <c r="F8" s="21">
        <v>31</v>
      </c>
      <c r="G8" s="22">
        <v>4</v>
      </c>
    </row>
    <row r="9" spans="2:7" x14ac:dyDescent="0.2">
      <c r="B9" s="29"/>
      <c r="C9" s="7"/>
      <c r="D9" s="23">
        <v>100</v>
      </c>
      <c r="E9" s="24">
        <v>76.7</v>
      </c>
      <c r="F9" s="25">
        <v>20.7</v>
      </c>
      <c r="G9" s="26">
        <v>2.7</v>
      </c>
    </row>
    <row r="10" spans="2:7" x14ac:dyDescent="0.2">
      <c r="B10" s="29"/>
      <c r="C10" s="2" t="s">
        <v>28</v>
      </c>
      <c r="D10" s="19">
        <v>82</v>
      </c>
      <c r="E10" s="20">
        <v>56</v>
      </c>
      <c r="F10" s="21">
        <v>22</v>
      </c>
      <c r="G10" s="22">
        <v>4</v>
      </c>
    </row>
    <row r="11" spans="2:7" x14ac:dyDescent="0.2">
      <c r="B11" s="29"/>
      <c r="C11" s="7"/>
      <c r="D11" s="23">
        <v>100</v>
      </c>
      <c r="E11" s="24">
        <v>68.3</v>
      </c>
      <c r="F11" s="25">
        <v>26.8</v>
      </c>
      <c r="G11" s="26">
        <v>4.9000000000000004</v>
      </c>
    </row>
    <row r="12" spans="2:7" x14ac:dyDescent="0.2">
      <c r="B12" s="29"/>
      <c r="C12" s="2" t="s">
        <v>27</v>
      </c>
      <c r="D12" s="19">
        <v>92</v>
      </c>
      <c r="E12" s="20">
        <v>62</v>
      </c>
      <c r="F12" s="21">
        <v>25</v>
      </c>
      <c r="G12" s="22">
        <v>5</v>
      </c>
    </row>
    <row r="13" spans="2:7" x14ac:dyDescent="0.2">
      <c r="B13" s="29"/>
      <c r="C13" s="7"/>
      <c r="D13" s="23">
        <v>100</v>
      </c>
      <c r="E13" s="24">
        <v>67.400000000000006</v>
      </c>
      <c r="F13" s="25">
        <v>27.2</v>
      </c>
      <c r="G13" s="26">
        <v>5.4</v>
      </c>
    </row>
    <row r="14" spans="2:7" x14ac:dyDescent="0.2">
      <c r="B14" s="29"/>
      <c r="C14" s="2" t="s">
        <v>26</v>
      </c>
      <c r="D14" s="19">
        <v>112</v>
      </c>
      <c r="E14" s="20">
        <v>79</v>
      </c>
      <c r="F14" s="21">
        <v>29</v>
      </c>
      <c r="G14" s="22">
        <v>4</v>
      </c>
    </row>
    <row r="15" spans="2:7" x14ac:dyDescent="0.2">
      <c r="B15" s="29"/>
      <c r="C15" s="7"/>
      <c r="D15" s="23">
        <v>100</v>
      </c>
      <c r="E15" s="24">
        <v>70.5</v>
      </c>
      <c r="F15" s="25">
        <v>25.9</v>
      </c>
      <c r="G15" s="26">
        <v>3.6</v>
      </c>
    </row>
    <row r="16" spans="2:7" x14ac:dyDescent="0.2">
      <c r="B16" s="29"/>
      <c r="C16" s="2" t="s">
        <v>25</v>
      </c>
      <c r="D16" s="19">
        <v>188</v>
      </c>
      <c r="E16" s="20">
        <v>127</v>
      </c>
      <c r="F16" s="21">
        <v>56</v>
      </c>
      <c r="G16" s="22">
        <v>5</v>
      </c>
    </row>
    <row r="17" spans="2:7" x14ac:dyDescent="0.2">
      <c r="B17" s="29"/>
      <c r="C17" s="7"/>
      <c r="D17" s="23">
        <v>100</v>
      </c>
      <c r="E17" s="24">
        <v>67.599999999999994</v>
      </c>
      <c r="F17" s="25">
        <v>29.8</v>
      </c>
      <c r="G17" s="26">
        <v>2.7</v>
      </c>
    </row>
    <row r="18" spans="2:7" x14ac:dyDescent="0.2">
      <c r="B18" s="29"/>
      <c r="C18" s="2" t="s">
        <v>24</v>
      </c>
      <c r="D18" s="19">
        <v>60</v>
      </c>
      <c r="E18" s="20">
        <v>42</v>
      </c>
      <c r="F18" s="21">
        <v>17</v>
      </c>
      <c r="G18" s="22">
        <v>1</v>
      </c>
    </row>
    <row r="19" spans="2:7" x14ac:dyDescent="0.2">
      <c r="B19" s="29"/>
      <c r="C19" s="7"/>
      <c r="D19" s="23">
        <v>100</v>
      </c>
      <c r="E19" s="24">
        <v>70</v>
      </c>
      <c r="F19" s="25">
        <v>28.3</v>
      </c>
      <c r="G19" s="26">
        <v>1.7</v>
      </c>
    </row>
    <row r="20" spans="2:7" x14ac:dyDescent="0.2">
      <c r="B20" s="29"/>
      <c r="C20" s="2" t="s">
        <v>13</v>
      </c>
      <c r="D20" s="19">
        <v>58</v>
      </c>
      <c r="E20" s="20">
        <v>39</v>
      </c>
      <c r="F20" s="21">
        <v>11</v>
      </c>
      <c r="G20" s="22">
        <v>8</v>
      </c>
    </row>
    <row r="21" spans="2:7" x14ac:dyDescent="0.2">
      <c r="B21" s="30"/>
      <c r="C21" s="10"/>
      <c r="D21" s="15">
        <v>100</v>
      </c>
      <c r="E21" s="16">
        <v>67.2</v>
      </c>
      <c r="F21" s="17">
        <v>19</v>
      </c>
      <c r="G21" s="18">
        <v>13.8</v>
      </c>
    </row>
    <row r="22" spans="2:7" x14ac:dyDescent="0.2">
      <c r="B22" s="28" t="s">
        <v>35</v>
      </c>
      <c r="C22" s="9" t="s">
        <v>12</v>
      </c>
      <c r="D22" s="11">
        <v>1241</v>
      </c>
      <c r="E22" s="12">
        <v>895</v>
      </c>
      <c r="F22" s="13">
        <v>304</v>
      </c>
      <c r="G22" s="14">
        <v>42</v>
      </c>
    </row>
    <row r="23" spans="2:7" x14ac:dyDescent="0.2">
      <c r="B23" s="29"/>
      <c r="C23" s="8"/>
      <c r="D23" s="15">
        <v>100</v>
      </c>
      <c r="E23" s="16">
        <v>72.099999999999994</v>
      </c>
      <c r="F23" s="17">
        <v>24.5</v>
      </c>
      <c r="G23" s="18">
        <v>3.4</v>
      </c>
    </row>
    <row r="24" spans="2:7" x14ac:dyDescent="0.2">
      <c r="B24" s="29"/>
      <c r="C24" s="2" t="s">
        <v>23</v>
      </c>
      <c r="D24" s="19">
        <v>563</v>
      </c>
      <c r="E24" s="20">
        <v>407</v>
      </c>
      <c r="F24" s="21">
        <v>144</v>
      </c>
      <c r="G24" s="22">
        <v>12</v>
      </c>
    </row>
    <row r="25" spans="2:7" x14ac:dyDescent="0.2">
      <c r="B25" s="29"/>
      <c r="C25" s="7"/>
      <c r="D25" s="23">
        <v>100</v>
      </c>
      <c r="E25" s="24">
        <v>72.3</v>
      </c>
      <c r="F25" s="25">
        <v>25.6</v>
      </c>
      <c r="G25" s="26">
        <v>2.1</v>
      </c>
    </row>
    <row r="26" spans="2:7" x14ac:dyDescent="0.2">
      <c r="B26" s="29"/>
      <c r="C26" s="2" t="s">
        <v>22</v>
      </c>
      <c r="D26" s="19">
        <v>607</v>
      </c>
      <c r="E26" s="20">
        <v>440</v>
      </c>
      <c r="F26" s="21">
        <v>145</v>
      </c>
      <c r="G26" s="22">
        <v>22</v>
      </c>
    </row>
    <row r="27" spans="2:7" x14ac:dyDescent="0.2">
      <c r="B27" s="29"/>
      <c r="C27" s="7"/>
      <c r="D27" s="23">
        <v>100</v>
      </c>
      <c r="E27" s="24">
        <v>72.5</v>
      </c>
      <c r="F27" s="25">
        <v>23.9</v>
      </c>
      <c r="G27" s="26">
        <v>3.6</v>
      </c>
    </row>
    <row r="28" spans="2:7" x14ac:dyDescent="0.2">
      <c r="B28" s="29"/>
      <c r="C28" s="2" t="s">
        <v>13</v>
      </c>
      <c r="D28" s="19">
        <v>71</v>
      </c>
      <c r="E28" s="20">
        <v>48</v>
      </c>
      <c r="F28" s="21">
        <v>15</v>
      </c>
      <c r="G28" s="22">
        <v>8</v>
      </c>
    </row>
    <row r="29" spans="2:7" x14ac:dyDescent="0.2">
      <c r="B29" s="30"/>
      <c r="C29" s="10"/>
      <c r="D29" s="15">
        <v>100</v>
      </c>
      <c r="E29" s="16">
        <v>67.599999999999994</v>
      </c>
      <c r="F29" s="17">
        <v>21.1</v>
      </c>
      <c r="G29" s="18">
        <v>11.3</v>
      </c>
    </row>
    <row r="30" spans="2:7" x14ac:dyDescent="0.2">
      <c r="B30" s="28" t="s">
        <v>34</v>
      </c>
      <c r="C30" s="9" t="s">
        <v>12</v>
      </c>
      <c r="D30" s="11">
        <v>1241</v>
      </c>
      <c r="E30" s="12">
        <v>895</v>
      </c>
      <c r="F30" s="13">
        <v>304</v>
      </c>
      <c r="G30" s="14">
        <v>42</v>
      </c>
    </row>
    <row r="31" spans="2:7" x14ac:dyDescent="0.2">
      <c r="B31" s="29"/>
      <c r="C31" s="8"/>
      <c r="D31" s="15">
        <v>100</v>
      </c>
      <c r="E31" s="16">
        <v>72.099999999999994</v>
      </c>
      <c r="F31" s="17">
        <v>24.5</v>
      </c>
      <c r="G31" s="18">
        <v>3.4</v>
      </c>
    </row>
    <row r="32" spans="2:7" x14ac:dyDescent="0.2">
      <c r="B32" s="29"/>
      <c r="C32" s="2" t="s">
        <v>75</v>
      </c>
      <c r="D32" s="19">
        <v>3</v>
      </c>
      <c r="E32" s="20">
        <v>2</v>
      </c>
      <c r="F32" s="21">
        <v>1</v>
      </c>
      <c r="G32" s="22" t="s">
        <v>152</v>
      </c>
    </row>
    <row r="33" spans="2:7" x14ac:dyDescent="0.2">
      <c r="B33" s="29"/>
      <c r="C33" s="7"/>
      <c r="D33" s="23">
        <v>100</v>
      </c>
      <c r="E33" s="24">
        <v>66.7</v>
      </c>
      <c r="F33" s="25">
        <v>33.299999999999997</v>
      </c>
      <c r="G33" s="26" t="s">
        <v>152</v>
      </c>
    </row>
    <row r="34" spans="2:7" x14ac:dyDescent="0.2">
      <c r="B34" s="29"/>
      <c r="C34" s="2" t="s">
        <v>77</v>
      </c>
      <c r="D34" s="19">
        <v>51</v>
      </c>
      <c r="E34" s="20">
        <v>34</v>
      </c>
      <c r="F34" s="21">
        <v>17</v>
      </c>
      <c r="G34" s="22" t="s">
        <v>152</v>
      </c>
    </row>
    <row r="35" spans="2:7" x14ac:dyDescent="0.2">
      <c r="B35" s="29"/>
      <c r="C35" s="7"/>
      <c r="D35" s="23">
        <v>100</v>
      </c>
      <c r="E35" s="24">
        <v>66.7</v>
      </c>
      <c r="F35" s="25">
        <v>33.299999999999997</v>
      </c>
      <c r="G35" s="26" t="s">
        <v>152</v>
      </c>
    </row>
    <row r="36" spans="2:7" x14ac:dyDescent="0.2">
      <c r="B36" s="29"/>
      <c r="C36" s="2" t="s">
        <v>147</v>
      </c>
      <c r="D36" s="19">
        <v>54</v>
      </c>
      <c r="E36" s="20">
        <v>36</v>
      </c>
      <c r="F36" s="21">
        <v>18</v>
      </c>
      <c r="G36" s="22" t="s">
        <v>152</v>
      </c>
    </row>
    <row r="37" spans="2:7" x14ac:dyDescent="0.2">
      <c r="B37" s="29"/>
      <c r="C37" s="7"/>
      <c r="D37" s="23">
        <v>100</v>
      </c>
      <c r="E37" s="24">
        <v>66.666666666666657</v>
      </c>
      <c r="F37" s="25">
        <v>33.333333333333329</v>
      </c>
      <c r="G37" s="26" t="s">
        <v>152</v>
      </c>
    </row>
    <row r="38" spans="2:7" x14ac:dyDescent="0.2">
      <c r="B38" s="29"/>
      <c r="C38" s="2" t="s">
        <v>79</v>
      </c>
      <c r="D38" s="19">
        <v>116</v>
      </c>
      <c r="E38" s="20">
        <v>73</v>
      </c>
      <c r="F38" s="21">
        <v>38</v>
      </c>
      <c r="G38" s="22">
        <v>5</v>
      </c>
    </row>
    <row r="39" spans="2:7" x14ac:dyDescent="0.2">
      <c r="B39" s="29"/>
      <c r="C39" s="7"/>
      <c r="D39" s="23">
        <v>100</v>
      </c>
      <c r="E39" s="24">
        <v>62.9</v>
      </c>
      <c r="F39" s="25">
        <v>32.799999999999997</v>
      </c>
      <c r="G39" s="26">
        <v>4.3</v>
      </c>
    </row>
    <row r="40" spans="2:7" x14ac:dyDescent="0.2">
      <c r="B40" s="29"/>
      <c r="C40" s="2" t="s">
        <v>81</v>
      </c>
      <c r="D40" s="19">
        <v>200</v>
      </c>
      <c r="E40" s="20">
        <v>142</v>
      </c>
      <c r="F40" s="21">
        <v>55</v>
      </c>
      <c r="G40" s="22">
        <v>3</v>
      </c>
    </row>
    <row r="41" spans="2:7" x14ac:dyDescent="0.2">
      <c r="B41" s="29"/>
      <c r="C41" s="7"/>
      <c r="D41" s="23">
        <v>100</v>
      </c>
      <c r="E41" s="24">
        <v>71</v>
      </c>
      <c r="F41" s="25">
        <v>27.5</v>
      </c>
      <c r="G41" s="26">
        <v>1.5</v>
      </c>
    </row>
    <row r="42" spans="2:7" x14ac:dyDescent="0.2">
      <c r="B42" s="29"/>
      <c r="C42" s="2" t="s">
        <v>83</v>
      </c>
      <c r="D42" s="19">
        <v>289</v>
      </c>
      <c r="E42" s="20">
        <v>206</v>
      </c>
      <c r="F42" s="21">
        <v>76</v>
      </c>
      <c r="G42" s="22">
        <v>7</v>
      </c>
    </row>
    <row r="43" spans="2:7" x14ac:dyDescent="0.2">
      <c r="B43" s="29"/>
      <c r="C43" s="7"/>
      <c r="D43" s="23">
        <v>100</v>
      </c>
      <c r="E43" s="24">
        <v>71.3</v>
      </c>
      <c r="F43" s="25">
        <v>26.3</v>
      </c>
      <c r="G43" s="26">
        <v>2.4</v>
      </c>
    </row>
    <row r="44" spans="2:7" x14ac:dyDescent="0.2">
      <c r="B44" s="29"/>
      <c r="C44" s="2" t="s">
        <v>85</v>
      </c>
      <c r="D44" s="19">
        <v>247</v>
      </c>
      <c r="E44" s="20">
        <v>182</v>
      </c>
      <c r="F44" s="21">
        <v>60</v>
      </c>
      <c r="G44" s="22">
        <v>5</v>
      </c>
    </row>
    <row r="45" spans="2:7" x14ac:dyDescent="0.2">
      <c r="B45" s="29"/>
      <c r="C45" s="7"/>
      <c r="D45" s="23">
        <v>100</v>
      </c>
      <c r="E45" s="24">
        <v>73.7</v>
      </c>
      <c r="F45" s="25">
        <v>24.3</v>
      </c>
      <c r="G45" s="26">
        <v>2</v>
      </c>
    </row>
    <row r="46" spans="2:7" x14ac:dyDescent="0.2">
      <c r="B46" s="29"/>
      <c r="C46" s="2" t="s">
        <v>87</v>
      </c>
      <c r="D46" s="19">
        <v>125</v>
      </c>
      <c r="E46" s="20">
        <v>93</v>
      </c>
      <c r="F46" s="21">
        <v>26</v>
      </c>
      <c r="G46" s="22">
        <v>6</v>
      </c>
    </row>
    <row r="47" spans="2:7" x14ac:dyDescent="0.2">
      <c r="B47" s="29"/>
      <c r="C47" s="7"/>
      <c r="D47" s="23">
        <v>100</v>
      </c>
      <c r="E47" s="24">
        <v>74.400000000000006</v>
      </c>
      <c r="F47" s="25">
        <v>20.8</v>
      </c>
      <c r="G47" s="26">
        <v>4.8</v>
      </c>
    </row>
    <row r="48" spans="2:7" x14ac:dyDescent="0.2">
      <c r="B48" s="29"/>
      <c r="C48" s="2" t="s">
        <v>89</v>
      </c>
      <c r="D48" s="19">
        <v>150</v>
      </c>
      <c r="E48" s="20">
        <v>123</v>
      </c>
      <c r="F48" s="21">
        <v>19</v>
      </c>
      <c r="G48" s="22">
        <v>8</v>
      </c>
    </row>
    <row r="49" spans="2:7" x14ac:dyDescent="0.2">
      <c r="B49" s="29"/>
      <c r="C49" s="7"/>
      <c r="D49" s="23">
        <v>100</v>
      </c>
      <c r="E49" s="24">
        <v>82</v>
      </c>
      <c r="F49" s="25">
        <v>12.7</v>
      </c>
      <c r="G49" s="26">
        <v>5.3</v>
      </c>
    </row>
    <row r="50" spans="2:7" x14ac:dyDescent="0.2">
      <c r="B50" s="29"/>
      <c r="C50" s="2" t="s">
        <v>91</v>
      </c>
      <c r="D50" s="19">
        <v>60</v>
      </c>
      <c r="E50" s="20">
        <v>40</v>
      </c>
      <c r="F50" s="21">
        <v>12</v>
      </c>
      <c r="G50" s="22">
        <v>8</v>
      </c>
    </row>
    <row r="51" spans="2:7" x14ac:dyDescent="0.2">
      <c r="B51" s="29"/>
      <c r="C51" s="10"/>
      <c r="D51" s="23">
        <v>100</v>
      </c>
      <c r="E51" s="24">
        <v>66.7</v>
      </c>
      <c r="F51" s="25">
        <v>20</v>
      </c>
      <c r="G51" s="26">
        <v>13.3</v>
      </c>
    </row>
    <row r="52" spans="2:7" x14ac:dyDescent="0.2">
      <c r="B52" s="28" t="s">
        <v>33</v>
      </c>
      <c r="C52" s="9" t="s">
        <v>12</v>
      </c>
      <c r="D52" s="11">
        <v>1241</v>
      </c>
      <c r="E52" s="12">
        <v>895</v>
      </c>
      <c r="F52" s="13">
        <v>304</v>
      </c>
      <c r="G52" s="14">
        <v>42</v>
      </c>
    </row>
    <row r="53" spans="2:7" x14ac:dyDescent="0.2">
      <c r="B53" s="29"/>
      <c r="C53" s="8"/>
      <c r="D53" s="15">
        <v>100</v>
      </c>
      <c r="E53" s="16">
        <v>72.099999999999994</v>
      </c>
      <c r="F53" s="17">
        <v>24.5</v>
      </c>
      <c r="G53" s="18">
        <v>3.4</v>
      </c>
    </row>
    <row r="54" spans="2:7" x14ac:dyDescent="0.2">
      <c r="B54" s="29"/>
      <c r="C54" s="2" t="s">
        <v>57</v>
      </c>
      <c r="D54" s="19">
        <v>2</v>
      </c>
      <c r="E54" s="20">
        <v>1</v>
      </c>
      <c r="F54" s="21">
        <v>1</v>
      </c>
      <c r="G54" s="22" t="s">
        <v>152</v>
      </c>
    </row>
    <row r="55" spans="2:7" x14ac:dyDescent="0.2">
      <c r="B55" s="29"/>
      <c r="C55" s="7"/>
      <c r="D55" s="23">
        <v>100</v>
      </c>
      <c r="E55" s="24">
        <v>50</v>
      </c>
      <c r="F55" s="25">
        <v>50</v>
      </c>
      <c r="G55" s="26" t="s">
        <v>152</v>
      </c>
    </row>
    <row r="56" spans="2:7" x14ac:dyDescent="0.2">
      <c r="B56" s="29"/>
      <c r="C56" s="2" t="s">
        <v>63</v>
      </c>
      <c r="D56" s="19">
        <v>20</v>
      </c>
      <c r="E56" s="20">
        <v>11</v>
      </c>
      <c r="F56" s="21">
        <v>9</v>
      </c>
      <c r="G56" s="22" t="s">
        <v>152</v>
      </c>
    </row>
    <row r="57" spans="2:7" x14ac:dyDescent="0.2">
      <c r="B57" s="29"/>
      <c r="C57" s="7"/>
      <c r="D57" s="23">
        <v>100</v>
      </c>
      <c r="E57" s="24">
        <v>55</v>
      </c>
      <c r="F57" s="25">
        <v>45</v>
      </c>
      <c r="G57" s="26" t="s">
        <v>152</v>
      </c>
    </row>
    <row r="58" spans="2:7" x14ac:dyDescent="0.2">
      <c r="B58" s="29"/>
      <c r="C58" s="2" t="s">
        <v>148</v>
      </c>
      <c r="D58" s="19">
        <v>22</v>
      </c>
      <c r="E58" s="20">
        <v>12</v>
      </c>
      <c r="F58" s="21">
        <v>10</v>
      </c>
      <c r="G58" s="22" t="s">
        <v>152</v>
      </c>
    </row>
    <row r="59" spans="2:7" x14ac:dyDescent="0.2">
      <c r="B59" s="29"/>
      <c r="C59" s="7"/>
      <c r="D59" s="23">
        <v>100</v>
      </c>
      <c r="E59" s="24">
        <v>54.54545454545454</v>
      </c>
      <c r="F59" s="25">
        <v>45.454545454545453</v>
      </c>
      <c r="G59" s="26" t="s">
        <v>152</v>
      </c>
    </row>
    <row r="60" spans="2:7" x14ac:dyDescent="0.2">
      <c r="B60" s="29"/>
      <c r="C60" s="2" t="s">
        <v>64</v>
      </c>
      <c r="D60" s="19">
        <v>51</v>
      </c>
      <c r="E60" s="20">
        <v>35</v>
      </c>
      <c r="F60" s="21">
        <v>16</v>
      </c>
      <c r="G60" s="22" t="s">
        <v>152</v>
      </c>
    </row>
    <row r="61" spans="2:7" x14ac:dyDescent="0.2">
      <c r="B61" s="29"/>
      <c r="C61" s="7"/>
      <c r="D61" s="23">
        <v>100</v>
      </c>
      <c r="E61" s="24">
        <v>68.599999999999994</v>
      </c>
      <c r="F61" s="25">
        <v>31.4</v>
      </c>
      <c r="G61" s="26" t="s">
        <v>152</v>
      </c>
    </row>
    <row r="62" spans="2:7" x14ac:dyDescent="0.2">
      <c r="B62" s="29"/>
      <c r="C62" s="2" t="s">
        <v>65</v>
      </c>
      <c r="D62" s="19">
        <v>88</v>
      </c>
      <c r="E62" s="20">
        <v>65</v>
      </c>
      <c r="F62" s="21">
        <v>23</v>
      </c>
      <c r="G62" s="22" t="s">
        <v>152</v>
      </c>
    </row>
    <row r="63" spans="2:7" x14ac:dyDescent="0.2">
      <c r="B63" s="29"/>
      <c r="C63" s="7"/>
      <c r="D63" s="23">
        <v>100</v>
      </c>
      <c r="E63" s="24">
        <v>73.900000000000006</v>
      </c>
      <c r="F63" s="25">
        <v>26.1</v>
      </c>
      <c r="G63" s="26" t="s">
        <v>152</v>
      </c>
    </row>
    <row r="64" spans="2:7" x14ac:dyDescent="0.2">
      <c r="B64" s="29"/>
      <c r="C64" s="2" t="s">
        <v>66</v>
      </c>
      <c r="D64" s="19">
        <v>146</v>
      </c>
      <c r="E64" s="20">
        <v>100</v>
      </c>
      <c r="F64" s="21">
        <v>42</v>
      </c>
      <c r="G64" s="22">
        <v>4</v>
      </c>
    </row>
    <row r="65" spans="2:7" x14ac:dyDescent="0.2">
      <c r="B65" s="29"/>
      <c r="C65" s="7"/>
      <c r="D65" s="23">
        <v>100</v>
      </c>
      <c r="E65" s="24">
        <v>68.5</v>
      </c>
      <c r="F65" s="25">
        <v>28.8</v>
      </c>
      <c r="G65" s="26">
        <v>2.7</v>
      </c>
    </row>
    <row r="66" spans="2:7" x14ac:dyDescent="0.2">
      <c r="B66" s="29"/>
      <c r="C66" s="2" t="s">
        <v>67</v>
      </c>
      <c r="D66" s="19">
        <v>133</v>
      </c>
      <c r="E66" s="20">
        <v>100</v>
      </c>
      <c r="F66" s="21">
        <v>30</v>
      </c>
      <c r="G66" s="22">
        <v>3</v>
      </c>
    </row>
    <row r="67" spans="2:7" x14ac:dyDescent="0.2">
      <c r="B67" s="29"/>
      <c r="C67" s="7"/>
      <c r="D67" s="23">
        <v>100</v>
      </c>
      <c r="E67" s="24">
        <v>75.2</v>
      </c>
      <c r="F67" s="25">
        <v>22.6</v>
      </c>
      <c r="G67" s="26">
        <v>2.2999999999999998</v>
      </c>
    </row>
    <row r="68" spans="2:7" x14ac:dyDescent="0.2">
      <c r="B68" s="29"/>
      <c r="C68" s="2" t="s">
        <v>58</v>
      </c>
      <c r="D68" s="19">
        <v>57</v>
      </c>
      <c r="E68" s="20">
        <v>42</v>
      </c>
      <c r="F68" s="21">
        <v>12</v>
      </c>
      <c r="G68" s="22">
        <v>3</v>
      </c>
    </row>
    <row r="69" spans="2:7" x14ac:dyDescent="0.2">
      <c r="B69" s="29"/>
      <c r="C69" s="7"/>
      <c r="D69" s="23">
        <v>100</v>
      </c>
      <c r="E69" s="24">
        <v>73.7</v>
      </c>
      <c r="F69" s="25">
        <v>21.1</v>
      </c>
      <c r="G69" s="26">
        <v>5.3</v>
      </c>
    </row>
    <row r="70" spans="2:7" x14ac:dyDescent="0.2">
      <c r="B70" s="29"/>
      <c r="C70" s="2" t="s">
        <v>68</v>
      </c>
      <c r="D70" s="19">
        <v>65</v>
      </c>
      <c r="E70" s="20">
        <v>52</v>
      </c>
      <c r="F70" s="21">
        <v>11</v>
      </c>
      <c r="G70" s="22">
        <v>2</v>
      </c>
    </row>
    <row r="71" spans="2:7" x14ac:dyDescent="0.2">
      <c r="B71" s="29"/>
      <c r="C71" s="7"/>
      <c r="D71" s="23">
        <v>100</v>
      </c>
      <c r="E71" s="24">
        <v>80</v>
      </c>
      <c r="F71" s="25">
        <v>16.899999999999999</v>
      </c>
      <c r="G71" s="26">
        <v>3.1</v>
      </c>
    </row>
    <row r="72" spans="2:7" x14ac:dyDescent="0.2">
      <c r="B72" s="29"/>
      <c r="C72" s="2" t="s">
        <v>59</v>
      </c>
      <c r="D72" s="19">
        <v>1</v>
      </c>
      <c r="E72" s="20">
        <v>1</v>
      </c>
      <c r="F72" s="21" t="s">
        <v>152</v>
      </c>
      <c r="G72" s="22" t="s">
        <v>152</v>
      </c>
    </row>
    <row r="73" spans="2:7" x14ac:dyDescent="0.2">
      <c r="B73" s="29"/>
      <c r="C73" s="7"/>
      <c r="D73" s="23">
        <v>100</v>
      </c>
      <c r="E73" s="24">
        <v>100</v>
      </c>
      <c r="F73" s="25" t="s">
        <v>152</v>
      </c>
      <c r="G73" s="26" t="s">
        <v>152</v>
      </c>
    </row>
    <row r="74" spans="2:7" x14ac:dyDescent="0.2">
      <c r="B74" s="29"/>
      <c r="C74" s="2" t="s">
        <v>69</v>
      </c>
      <c r="D74" s="19">
        <v>29</v>
      </c>
      <c r="E74" s="20">
        <v>21</v>
      </c>
      <c r="F74" s="21">
        <v>8</v>
      </c>
      <c r="G74" s="22" t="s">
        <v>152</v>
      </c>
    </row>
    <row r="75" spans="2:7" x14ac:dyDescent="0.2">
      <c r="B75" s="29"/>
      <c r="C75" s="7"/>
      <c r="D75" s="23">
        <v>100</v>
      </c>
      <c r="E75" s="24">
        <v>72.400000000000006</v>
      </c>
      <c r="F75" s="25">
        <v>27.6</v>
      </c>
      <c r="G75" s="26" t="s">
        <v>152</v>
      </c>
    </row>
    <row r="76" spans="2:7" x14ac:dyDescent="0.2">
      <c r="B76" s="29"/>
      <c r="C76" s="2" t="s">
        <v>149</v>
      </c>
      <c r="D76" s="19">
        <v>30</v>
      </c>
      <c r="E76" s="20">
        <v>22</v>
      </c>
      <c r="F76" s="21">
        <v>8</v>
      </c>
      <c r="G76" s="22" t="s">
        <v>152</v>
      </c>
    </row>
    <row r="77" spans="2:7" x14ac:dyDescent="0.2">
      <c r="B77" s="29"/>
      <c r="C77" s="7"/>
      <c r="D77" s="23">
        <v>100</v>
      </c>
      <c r="E77" s="24">
        <v>73.333333333333329</v>
      </c>
      <c r="F77" s="25">
        <v>26.666666666666668</v>
      </c>
      <c r="G77" s="26" t="s">
        <v>152</v>
      </c>
    </row>
    <row r="78" spans="2:7" x14ac:dyDescent="0.2">
      <c r="B78" s="29"/>
      <c r="C78" s="2" t="s">
        <v>70</v>
      </c>
      <c r="D78" s="19">
        <v>64</v>
      </c>
      <c r="E78" s="20">
        <v>37</v>
      </c>
      <c r="F78" s="21">
        <v>22</v>
      </c>
      <c r="G78" s="22">
        <v>5</v>
      </c>
    </row>
    <row r="79" spans="2:7" x14ac:dyDescent="0.2">
      <c r="B79" s="29"/>
      <c r="C79" s="7"/>
      <c r="D79" s="23">
        <v>100</v>
      </c>
      <c r="E79" s="24">
        <v>57.8</v>
      </c>
      <c r="F79" s="25">
        <v>34.4</v>
      </c>
      <c r="G79" s="26">
        <v>7.8</v>
      </c>
    </row>
    <row r="80" spans="2:7" x14ac:dyDescent="0.2">
      <c r="B80" s="29"/>
      <c r="C80" s="2" t="s">
        <v>71</v>
      </c>
      <c r="D80" s="19">
        <v>112</v>
      </c>
      <c r="E80" s="20">
        <v>77</v>
      </c>
      <c r="F80" s="21">
        <v>32</v>
      </c>
      <c r="G80" s="22">
        <v>3</v>
      </c>
    </row>
    <row r="81" spans="2:7" x14ac:dyDescent="0.2">
      <c r="B81" s="29"/>
      <c r="C81" s="7"/>
      <c r="D81" s="23">
        <v>100</v>
      </c>
      <c r="E81" s="24">
        <v>68.8</v>
      </c>
      <c r="F81" s="25">
        <v>28.6</v>
      </c>
      <c r="G81" s="26">
        <v>2.7</v>
      </c>
    </row>
    <row r="82" spans="2:7" x14ac:dyDescent="0.2">
      <c r="B82" s="29"/>
      <c r="C82" s="2" t="s">
        <v>72</v>
      </c>
      <c r="D82" s="19">
        <v>137</v>
      </c>
      <c r="E82" s="20">
        <v>103</v>
      </c>
      <c r="F82" s="21">
        <v>31</v>
      </c>
      <c r="G82" s="22">
        <v>3</v>
      </c>
    </row>
    <row r="83" spans="2:7" x14ac:dyDescent="0.2">
      <c r="B83" s="29"/>
      <c r="C83" s="7"/>
      <c r="D83" s="23">
        <v>100</v>
      </c>
      <c r="E83" s="24">
        <v>75.2</v>
      </c>
      <c r="F83" s="25">
        <v>22.6</v>
      </c>
      <c r="G83" s="26">
        <v>2.2000000000000002</v>
      </c>
    </row>
    <row r="84" spans="2:7" x14ac:dyDescent="0.2">
      <c r="B84" s="29"/>
      <c r="C84" s="2" t="s">
        <v>73</v>
      </c>
      <c r="D84" s="19">
        <v>112</v>
      </c>
      <c r="E84" s="20">
        <v>80</v>
      </c>
      <c r="F84" s="21">
        <v>30</v>
      </c>
      <c r="G84" s="22">
        <v>2</v>
      </c>
    </row>
    <row r="85" spans="2:7" x14ac:dyDescent="0.2">
      <c r="B85" s="29"/>
      <c r="C85" s="7"/>
      <c r="D85" s="23">
        <v>100</v>
      </c>
      <c r="E85" s="24">
        <v>71.400000000000006</v>
      </c>
      <c r="F85" s="25">
        <v>26.8</v>
      </c>
      <c r="G85" s="26">
        <v>1.8</v>
      </c>
    </row>
    <row r="86" spans="2:7" x14ac:dyDescent="0.2">
      <c r="B86" s="29"/>
      <c r="C86" s="2" t="s">
        <v>60</v>
      </c>
      <c r="D86" s="19">
        <v>66</v>
      </c>
      <c r="E86" s="20">
        <v>50</v>
      </c>
      <c r="F86" s="21">
        <v>13</v>
      </c>
      <c r="G86" s="22">
        <v>3</v>
      </c>
    </row>
    <row r="87" spans="2:7" x14ac:dyDescent="0.2">
      <c r="B87" s="29"/>
      <c r="C87" s="7"/>
      <c r="D87" s="23">
        <v>100</v>
      </c>
      <c r="E87" s="24">
        <v>75.8</v>
      </c>
      <c r="F87" s="25">
        <v>19.7</v>
      </c>
      <c r="G87" s="26">
        <v>4.5</v>
      </c>
    </row>
    <row r="88" spans="2:7" x14ac:dyDescent="0.2">
      <c r="B88" s="29"/>
      <c r="C88" s="2" t="s">
        <v>74</v>
      </c>
      <c r="D88" s="19">
        <v>83</v>
      </c>
      <c r="E88" s="20">
        <v>69</v>
      </c>
      <c r="F88" s="21">
        <v>8</v>
      </c>
      <c r="G88" s="22">
        <v>6</v>
      </c>
    </row>
    <row r="89" spans="2:7" x14ac:dyDescent="0.2">
      <c r="B89" s="29"/>
      <c r="C89" s="7"/>
      <c r="D89" s="23">
        <v>100</v>
      </c>
      <c r="E89" s="24">
        <v>83.1</v>
      </c>
      <c r="F89" s="25">
        <v>9.6</v>
      </c>
      <c r="G89" s="26">
        <v>7.2</v>
      </c>
    </row>
    <row r="90" spans="2:7" x14ac:dyDescent="0.2">
      <c r="B90" s="29"/>
      <c r="C90" s="2" t="s">
        <v>0</v>
      </c>
      <c r="D90" s="19">
        <v>75</v>
      </c>
      <c r="E90" s="20">
        <v>51</v>
      </c>
      <c r="F90" s="21">
        <v>16</v>
      </c>
      <c r="G90" s="22">
        <v>8</v>
      </c>
    </row>
    <row r="91" spans="2:7" x14ac:dyDescent="0.2">
      <c r="B91" s="29"/>
      <c r="C91" s="7"/>
      <c r="D91" s="23">
        <v>100</v>
      </c>
      <c r="E91" s="24">
        <v>68</v>
      </c>
      <c r="F91" s="25">
        <v>21.3</v>
      </c>
      <c r="G91" s="26">
        <v>10.7</v>
      </c>
    </row>
    <row r="92" spans="2:7" x14ac:dyDescent="0.2">
      <c r="B92" s="28" t="s">
        <v>32</v>
      </c>
      <c r="C92" s="9" t="s">
        <v>12</v>
      </c>
      <c r="D92" s="11">
        <v>1241</v>
      </c>
      <c r="E92" s="12">
        <v>895</v>
      </c>
      <c r="F92" s="13">
        <v>304</v>
      </c>
      <c r="G92" s="14">
        <v>42</v>
      </c>
    </row>
    <row r="93" spans="2:7" x14ac:dyDescent="0.2">
      <c r="B93" s="29"/>
      <c r="C93" s="8"/>
      <c r="D93" s="15">
        <v>100</v>
      </c>
      <c r="E93" s="16">
        <v>72.099999999999994</v>
      </c>
      <c r="F93" s="17">
        <v>24.5</v>
      </c>
      <c r="G93" s="18">
        <v>3.4</v>
      </c>
    </row>
    <row r="94" spans="2:7" x14ac:dyDescent="0.2">
      <c r="B94" s="29"/>
      <c r="C94" s="2" t="s">
        <v>21</v>
      </c>
      <c r="D94" s="19">
        <v>65</v>
      </c>
      <c r="E94" s="20">
        <v>41</v>
      </c>
      <c r="F94" s="21">
        <v>21</v>
      </c>
      <c r="G94" s="22">
        <v>3</v>
      </c>
    </row>
    <row r="95" spans="2:7" x14ac:dyDescent="0.2">
      <c r="B95" s="29"/>
      <c r="C95" s="7"/>
      <c r="D95" s="23">
        <v>100</v>
      </c>
      <c r="E95" s="24">
        <v>63.1</v>
      </c>
      <c r="F95" s="25">
        <v>32.299999999999997</v>
      </c>
      <c r="G95" s="26">
        <v>4.5999999999999996</v>
      </c>
    </row>
    <row r="96" spans="2:7" x14ac:dyDescent="0.2">
      <c r="B96" s="29"/>
      <c r="C96" s="2" t="s">
        <v>20</v>
      </c>
      <c r="D96" s="19">
        <v>7</v>
      </c>
      <c r="E96" s="20">
        <v>5</v>
      </c>
      <c r="F96" s="21">
        <v>2</v>
      </c>
      <c r="G96" s="22" t="s">
        <v>152</v>
      </c>
    </row>
    <row r="97" spans="2:7" x14ac:dyDescent="0.2">
      <c r="B97" s="29"/>
      <c r="C97" s="7"/>
      <c r="D97" s="23">
        <v>100</v>
      </c>
      <c r="E97" s="24">
        <v>71.400000000000006</v>
      </c>
      <c r="F97" s="25">
        <v>28.6</v>
      </c>
      <c r="G97" s="26" t="s">
        <v>152</v>
      </c>
    </row>
    <row r="98" spans="2:7" x14ac:dyDescent="0.2">
      <c r="B98" s="29"/>
      <c r="C98" s="2" t="s">
        <v>19</v>
      </c>
      <c r="D98" s="19">
        <v>484</v>
      </c>
      <c r="E98" s="20">
        <v>348</v>
      </c>
      <c r="F98" s="21">
        <v>127</v>
      </c>
      <c r="G98" s="22">
        <v>9</v>
      </c>
    </row>
    <row r="99" spans="2:7" x14ac:dyDescent="0.2">
      <c r="B99" s="29"/>
      <c r="C99" s="7"/>
      <c r="D99" s="23">
        <v>100</v>
      </c>
      <c r="E99" s="24">
        <v>71.900000000000006</v>
      </c>
      <c r="F99" s="25">
        <v>26.2</v>
      </c>
      <c r="G99" s="26">
        <v>1.9</v>
      </c>
    </row>
    <row r="100" spans="2:7" x14ac:dyDescent="0.2">
      <c r="B100" s="29"/>
      <c r="C100" s="2" t="s">
        <v>18</v>
      </c>
      <c r="D100" s="19">
        <v>195</v>
      </c>
      <c r="E100" s="20">
        <v>130</v>
      </c>
      <c r="F100" s="21">
        <v>57</v>
      </c>
      <c r="G100" s="22">
        <v>8</v>
      </c>
    </row>
    <row r="101" spans="2:7" x14ac:dyDescent="0.2">
      <c r="B101" s="29"/>
      <c r="C101" s="7"/>
      <c r="D101" s="23">
        <v>100</v>
      </c>
      <c r="E101" s="24">
        <v>66.7</v>
      </c>
      <c r="F101" s="25">
        <v>29.2</v>
      </c>
      <c r="G101" s="26">
        <v>4.0999999999999996</v>
      </c>
    </row>
    <row r="102" spans="2:7" x14ac:dyDescent="0.2">
      <c r="B102" s="29"/>
      <c r="C102" s="2" t="s">
        <v>17</v>
      </c>
      <c r="D102" s="19">
        <v>1</v>
      </c>
      <c r="E102" s="20">
        <v>1</v>
      </c>
      <c r="F102" s="21" t="s">
        <v>152</v>
      </c>
      <c r="G102" s="22" t="s">
        <v>152</v>
      </c>
    </row>
    <row r="103" spans="2:7" x14ac:dyDescent="0.2">
      <c r="B103" s="29"/>
      <c r="C103" s="7"/>
      <c r="D103" s="23">
        <v>100</v>
      </c>
      <c r="E103" s="24">
        <v>100</v>
      </c>
      <c r="F103" s="25" t="s">
        <v>152</v>
      </c>
      <c r="G103" s="26" t="s">
        <v>152</v>
      </c>
    </row>
    <row r="104" spans="2:7" x14ac:dyDescent="0.2">
      <c r="B104" s="29"/>
      <c r="C104" s="2" t="s">
        <v>151</v>
      </c>
      <c r="D104" s="19">
        <v>178</v>
      </c>
      <c r="E104" s="20">
        <v>139</v>
      </c>
      <c r="F104" s="21">
        <v>34</v>
      </c>
      <c r="G104" s="22">
        <v>5</v>
      </c>
    </row>
    <row r="105" spans="2:7" x14ac:dyDescent="0.2">
      <c r="B105" s="29"/>
      <c r="C105" s="7"/>
      <c r="D105" s="23">
        <v>100</v>
      </c>
      <c r="E105" s="24">
        <v>78.099999999999994</v>
      </c>
      <c r="F105" s="25">
        <v>19.100000000000001</v>
      </c>
      <c r="G105" s="26">
        <v>2.8</v>
      </c>
    </row>
    <row r="106" spans="2:7" x14ac:dyDescent="0.2">
      <c r="B106" s="29"/>
      <c r="C106" s="2" t="s">
        <v>16</v>
      </c>
      <c r="D106" s="19">
        <v>10</v>
      </c>
      <c r="E106" s="20">
        <v>7</v>
      </c>
      <c r="F106" s="21">
        <v>3</v>
      </c>
      <c r="G106" s="22" t="s">
        <v>152</v>
      </c>
    </row>
    <row r="107" spans="2:7" x14ac:dyDescent="0.2">
      <c r="B107" s="29"/>
      <c r="C107" s="7"/>
      <c r="D107" s="23">
        <v>100</v>
      </c>
      <c r="E107" s="24">
        <v>70</v>
      </c>
      <c r="F107" s="25">
        <v>30</v>
      </c>
      <c r="G107" s="26" t="s">
        <v>152</v>
      </c>
    </row>
    <row r="108" spans="2:7" x14ac:dyDescent="0.2">
      <c r="B108" s="29"/>
      <c r="C108" s="2" t="s">
        <v>15</v>
      </c>
      <c r="D108" s="19">
        <v>211</v>
      </c>
      <c r="E108" s="20">
        <v>161</v>
      </c>
      <c r="F108" s="21">
        <v>41</v>
      </c>
      <c r="G108" s="22">
        <v>9</v>
      </c>
    </row>
    <row r="109" spans="2:7" x14ac:dyDescent="0.2">
      <c r="B109" s="29"/>
      <c r="C109" s="7"/>
      <c r="D109" s="23">
        <v>100</v>
      </c>
      <c r="E109" s="24">
        <v>76.3</v>
      </c>
      <c r="F109" s="25">
        <v>19.399999999999999</v>
      </c>
      <c r="G109" s="26">
        <v>4.3</v>
      </c>
    </row>
    <row r="110" spans="2:7" x14ac:dyDescent="0.2">
      <c r="B110" s="29"/>
      <c r="C110" s="2" t="s">
        <v>14</v>
      </c>
      <c r="D110" s="19">
        <v>12</v>
      </c>
      <c r="E110" s="20">
        <v>8</v>
      </c>
      <c r="F110" s="21">
        <v>4</v>
      </c>
      <c r="G110" s="22" t="s">
        <v>152</v>
      </c>
    </row>
    <row r="111" spans="2:7" x14ac:dyDescent="0.2">
      <c r="B111" s="29"/>
      <c r="C111" s="7"/>
      <c r="D111" s="23">
        <v>100</v>
      </c>
      <c r="E111" s="24">
        <v>66.7</v>
      </c>
      <c r="F111" s="25">
        <v>33.299999999999997</v>
      </c>
      <c r="G111" s="26" t="s">
        <v>152</v>
      </c>
    </row>
    <row r="112" spans="2:7" x14ac:dyDescent="0.2">
      <c r="B112" s="29"/>
      <c r="C112" s="2" t="s">
        <v>13</v>
      </c>
      <c r="D112" s="19">
        <v>78</v>
      </c>
      <c r="E112" s="20">
        <v>55</v>
      </c>
      <c r="F112" s="21">
        <v>15</v>
      </c>
      <c r="G112" s="22">
        <v>8</v>
      </c>
    </row>
    <row r="113" spans="2:7" x14ac:dyDescent="0.2">
      <c r="B113" s="30"/>
      <c r="C113" s="10"/>
      <c r="D113" s="15">
        <v>100</v>
      </c>
      <c r="E113" s="16">
        <v>70.5</v>
      </c>
      <c r="F113" s="17">
        <v>19.2</v>
      </c>
      <c r="G113" s="18">
        <v>10.3</v>
      </c>
    </row>
    <row r="114" spans="2:7" x14ac:dyDescent="0.2">
      <c r="B114" s="28" t="s">
        <v>31</v>
      </c>
      <c r="C114" s="9" t="s">
        <v>12</v>
      </c>
      <c r="D114" s="11">
        <v>752</v>
      </c>
      <c r="E114" s="12">
        <v>525</v>
      </c>
      <c r="F114" s="13">
        <v>207</v>
      </c>
      <c r="G114" s="14">
        <v>20</v>
      </c>
    </row>
    <row r="115" spans="2:7" x14ac:dyDescent="0.2">
      <c r="B115" s="29"/>
      <c r="C115" s="8"/>
      <c r="D115" s="15">
        <v>100</v>
      </c>
      <c r="E115" s="16">
        <v>69.8</v>
      </c>
      <c r="F115" s="17">
        <v>27.5</v>
      </c>
      <c r="G115" s="18">
        <v>2.7</v>
      </c>
    </row>
    <row r="116" spans="2:7" x14ac:dyDescent="0.2">
      <c r="B116" s="29"/>
      <c r="C116" s="2" t="s">
        <v>11</v>
      </c>
      <c r="D116" s="19">
        <v>2</v>
      </c>
      <c r="E116" s="20">
        <v>1</v>
      </c>
      <c r="F116" s="21" t="s">
        <v>152</v>
      </c>
      <c r="G116" s="22">
        <v>1</v>
      </c>
    </row>
    <row r="117" spans="2:7" x14ac:dyDescent="0.2">
      <c r="B117" s="29"/>
      <c r="C117" s="7"/>
      <c r="D117" s="23">
        <v>100</v>
      </c>
      <c r="E117" s="24">
        <v>50</v>
      </c>
      <c r="F117" s="25" t="s">
        <v>152</v>
      </c>
      <c r="G117" s="26">
        <v>50</v>
      </c>
    </row>
    <row r="118" spans="2:7" x14ac:dyDescent="0.2">
      <c r="B118" s="29"/>
      <c r="C118" s="2" t="s">
        <v>10</v>
      </c>
      <c r="D118" s="19">
        <v>32</v>
      </c>
      <c r="E118" s="20">
        <v>18</v>
      </c>
      <c r="F118" s="21">
        <v>13</v>
      </c>
      <c r="G118" s="22">
        <v>1</v>
      </c>
    </row>
    <row r="119" spans="2:7" x14ac:dyDescent="0.2">
      <c r="B119" s="29"/>
      <c r="C119" s="7"/>
      <c r="D119" s="23">
        <v>100</v>
      </c>
      <c r="E119" s="24">
        <v>56.3</v>
      </c>
      <c r="F119" s="25">
        <v>40.6</v>
      </c>
      <c r="G119" s="26">
        <v>3.1</v>
      </c>
    </row>
    <row r="120" spans="2:7" x14ac:dyDescent="0.2">
      <c r="B120" s="29"/>
      <c r="C120" s="2" t="s">
        <v>9</v>
      </c>
      <c r="D120" s="19">
        <v>33</v>
      </c>
      <c r="E120" s="20">
        <v>22</v>
      </c>
      <c r="F120" s="21">
        <v>10</v>
      </c>
      <c r="G120" s="22">
        <v>1</v>
      </c>
    </row>
    <row r="121" spans="2:7" x14ac:dyDescent="0.2">
      <c r="B121" s="29"/>
      <c r="C121" s="7"/>
      <c r="D121" s="23">
        <v>100</v>
      </c>
      <c r="E121" s="24">
        <v>66.7</v>
      </c>
      <c r="F121" s="25">
        <v>30.3</v>
      </c>
      <c r="G121" s="26">
        <v>3</v>
      </c>
    </row>
    <row r="122" spans="2:7" x14ac:dyDescent="0.2">
      <c r="B122" s="29"/>
      <c r="C122" s="2" t="s">
        <v>8</v>
      </c>
      <c r="D122" s="19">
        <v>71</v>
      </c>
      <c r="E122" s="20">
        <v>51</v>
      </c>
      <c r="F122" s="21">
        <v>19</v>
      </c>
      <c r="G122" s="22">
        <v>1</v>
      </c>
    </row>
    <row r="123" spans="2:7" x14ac:dyDescent="0.2">
      <c r="B123" s="29"/>
      <c r="C123" s="7"/>
      <c r="D123" s="23">
        <v>100</v>
      </c>
      <c r="E123" s="24">
        <v>71.8</v>
      </c>
      <c r="F123" s="25">
        <v>26.8</v>
      </c>
      <c r="G123" s="26">
        <v>1.4</v>
      </c>
    </row>
    <row r="124" spans="2:7" x14ac:dyDescent="0.2">
      <c r="B124" s="29"/>
      <c r="C124" s="2" t="s">
        <v>7</v>
      </c>
      <c r="D124" s="19">
        <v>152</v>
      </c>
      <c r="E124" s="20">
        <v>104</v>
      </c>
      <c r="F124" s="21">
        <v>43</v>
      </c>
      <c r="G124" s="22">
        <v>5</v>
      </c>
    </row>
    <row r="125" spans="2:7" x14ac:dyDescent="0.2">
      <c r="B125" s="29"/>
      <c r="C125" s="7"/>
      <c r="D125" s="23">
        <v>100</v>
      </c>
      <c r="E125" s="24">
        <v>68.400000000000006</v>
      </c>
      <c r="F125" s="25">
        <v>28.3</v>
      </c>
      <c r="G125" s="26">
        <v>3.3</v>
      </c>
    </row>
    <row r="126" spans="2:7" x14ac:dyDescent="0.2">
      <c r="B126" s="29"/>
      <c r="C126" s="2" t="s">
        <v>6</v>
      </c>
      <c r="D126" s="19">
        <v>176</v>
      </c>
      <c r="E126" s="20">
        <v>136</v>
      </c>
      <c r="F126" s="21">
        <v>38</v>
      </c>
      <c r="G126" s="22">
        <v>2</v>
      </c>
    </row>
    <row r="127" spans="2:7" x14ac:dyDescent="0.2">
      <c r="B127" s="29"/>
      <c r="C127" s="7"/>
      <c r="D127" s="23">
        <v>100</v>
      </c>
      <c r="E127" s="24">
        <v>77.3</v>
      </c>
      <c r="F127" s="25">
        <v>21.6</v>
      </c>
      <c r="G127" s="26">
        <v>1.1000000000000001</v>
      </c>
    </row>
    <row r="128" spans="2:7" x14ac:dyDescent="0.2">
      <c r="B128" s="29"/>
      <c r="C128" s="2" t="s">
        <v>5</v>
      </c>
      <c r="D128" s="19">
        <v>37</v>
      </c>
      <c r="E128" s="20">
        <v>20</v>
      </c>
      <c r="F128" s="21">
        <v>15</v>
      </c>
      <c r="G128" s="22">
        <v>2</v>
      </c>
    </row>
    <row r="129" spans="2:7" x14ac:dyDescent="0.2">
      <c r="B129" s="29"/>
      <c r="C129" s="7"/>
      <c r="D129" s="23">
        <v>100</v>
      </c>
      <c r="E129" s="24">
        <v>54.1</v>
      </c>
      <c r="F129" s="25">
        <v>40.5</v>
      </c>
      <c r="G129" s="26">
        <v>5.4</v>
      </c>
    </row>
    <row r="130" spans="2:7" x14ac:dyDescent="0.2">
      <c r="B130" s="29"/>
      <c r="C130" s="2" t="s">
        <v>4</v>
      </c>
      <c r="D130" s="19">
        <v>67</v>
      </c>
      <c r="E130" s="20">
        <v>46</v>
      </c>
      <c r="F130" s="21">
        <v>20</v>
      </c>
      <c r="G130" s="22">
        <v>1</v>
      </c>
    </row>
    <row r="131" spans="2:7" x14ac:dyDescent="0.2">
      <c r="B131" s="29"/>
      <c r="C131" s="7"/>
      <c r="D131" s="23">
        <v>100</v>
      </c>
      <c r="E131" s="24">
        <v>68.7</v>
      </c>
      <c r="F131" s="25">
        <v>29.9</v>
      </c>
      <c r="G131" s="26">
        <v>1.5</v>
      </c>
    </row>
    <row r="132" spans="2:7" x14ac:dyDescent="0.2">
      <c r="B132" s="29"/>
      <c r="C132" s="2" t="s">
        <v>3</v>
      </c>
      <c r="D132" s="19">
        <v>159</v>
      </c>
      <c r="E132" s="20">
        <v>109</v>
      </c>
      <c r="F132" s="21">
        <v>45</v>
      </c>
      <c r="G132" s="22">
        <v>5</v>
      </c>
    </row>
    <row r="133" spans="2:7" x14ac:dyDescent="0.2">
      <c r="B133" s="29"/>
      <c r="C133" s="7"/>
      <c r="D133" s="23">
        <v>100</v>
      </c>
      <c r="E133" s="24">
        <v>68.599999999999994</v>
      </c>
      <c r="F133" s="25">
        <v>28.3</v>
      </c>
      <c r="G133" s="26">
        <v>3.1</v>
      </c>
    </row>
    <row r="134" spans="2:7" x14ac:dyDescent="0.2">
      <c r="B134" s="29"/>
      <c r="C134" s="2" t="s">
        <v>2</v>
      </c>
      <c r="D134" s="19">
        <v>23</v>
      </c>
      <c r="E134" s="20">
        <v>18</v>
      </c>
      <c r="F134" s="21">
        <v>4</v>
      </c>
      <c r="G134" s="22">
        <v>1</v>
      </c>
    </row>
    <row r="135" spans="2:7" x14ac:dyDescent="0.2">
      <c r="B135" s="30"/>
      <c r="C135" s="10"/>
      <c r="D135" s="15">
        <v>100</v>
      </c>
      <c r="E135" s="16">
        <v>78.3</v>
      </c>
      <c r="F135" s="17">
        <v>17.399999999999999</v>
      </c>
      <c r="G135" s="18">
        <v>4.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77</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895</v>
      </c>
      <c r="F4" s="13">
        <v>304</v>
      </c>
      <c r="G4" s="14">
        <v>42</v>
      </c>
    </row>
    <row r="5" spans="2:7" x14ac:dyDescent="0.2">
      <c r="B5" s="29"/>
      <c r="C5" s="8"/>
      <c r="D5" s="15">
        <v>100</v>
      </c>
      <c r="E5" s="16">
        <v>72.099999999999994</v>
      </c>
      <c r="F5" s="17">
        <v>24.5</v>
      </c>
      <c r="G5" s="18">
        <v>3.4</v>
      </c>
    </row>
    <row r="6" spans="2:7" x14ac:dyDescent="0.2">
      <c r="B6" s="29"/>
      <c r="C6" s="2" t="s">
        <v>52</v>
      </c>
      <c r="D6" s="19">
        <v>557</v>
      </c>
      <c r="E6" s="20">
        <v>415</v>
      </c>
      <c r="F6" s="21">
        <v>124</v>
      </c>
      <c r="G6" s="22">
        <v>18</v>
      </c>
    </row>
    <row r="7" spans="2:7" x14ac:dyDescent="0.2">
      <c r="B7" s="29"/>
      <c r="C7" s="7"/>
      <c r="D7" s="23">
        <v>100</v>
      </c>
      <c r="E7" s="24">
        <v>74.5</v>
      </c>
      <c r="F7" s="25">
        <v>22.3</v>
      </c>
      <c r="G7" s="26">
        <v>3.2</v>
      </c>
    </row>
    <row r="8" spans="2:7" x14ac:dyDescent="0.2">
      <c r="B8" s="29"/>
      <c r="C8" s="2" t="s">
        <v>51</v>
      </c>
      <c r="D8" s="19">
        <v>595</v>
      </c>
      <c r="E8" s="20">
        <v>421</v>
      </c>
      <c r="F8" s="21">
        <v>161</v>
      </c>
      <c r="G8" s="22">
        <v>13</v>
      </c>
    </row>
    <row r="9" spans="2:7" x14ac:dyDescent="0.2">
      <c r="B9" s="29"/>
      <c r="C9" s="7"/>
      <c r="D9" s="23">
        <v>100</v>
      </c>
      <c r="E9" s="24">
        <v>70.8</v>
      </c>
      <c r="F9" s="25">
        <v>27.1</v>
      </c>
      <c r="G9" s="26">
        <v>2.2000000000000002</v>
      </c>
    </row>
    <row r="10" spans="2:7" x14ac:dyDescent="0.2">
      <c r="B10" s="29"/>
      <c r="C10" s="2" t="s">
        <v>13</v>
      </c>
      <c r="D10" s="19">
        <v>89</v>
      </c>
      <c r="E10" s="20">
        <v>59</v>
      </c>
      <c r="F10" s="21">
        <v>19</v>
      </c>
      <c r="G10" s="22">
        <v>11</v>
      </c>
    </row>
    <row r="11" spans="2:7" x14ac:dyDescent="0.2">
      <c r="B11" s="30"/>
      <c r="C11" s="10"/>
      <c r="D11" s="15">
        <v>100</v>
      </c>
      <c r="E11" s="16">
        <v>66.3</v>
      </c>
      <c r="F11" s="17">
        <v>21.3</v>
      </c>
      <c r="G11" s="18">
        <v>12.4</v>
      </c>
    </row>
    <row r="12" spans="2:7" x14ac:dyDescent="0.2">
      <c r="B12" s="28" t="s">
        <v>54</v>
      </c>
      <c r="C12" s="9" t="s">
        <v>12</v>
      </c>
      <c r="D12" s="11">
        <v>1241</v>
      </c>
      <c r="E12" s="12">
        <v>895</v>
      </c>
      <c r="F12" s="13">
        <v>304</v>
      </c>
      <c r="G12" s="14">
        <v>42</v>
      </c>
    </row>
    <row r="13" spans="2:7" x14ac:dyDescent="0.2">
      <c r="B13" s="29"/>
      <c r="C13" s="8"/>
      <c r="D13" s="15">
        <v>100</v>
      </c>
      <c r="E13" s="16">
        <v>72.099999999999994</v>
      </c>
      <c r="F13" s="17">
        <v>24.5</v>
      </c>
      <c r="G13" s="18">
        <v>3.4</v>
      </c>
    </row>
    <row r="14" spans="2:7" x14ac:dyDescent="0.2">
      <c r="B14" s="29"/>
      <c r="C14" s="2" t="s">
        <v>50</v>
      </c>
      <c r="D14" s="19">
        <v>84</v>
      </c>
      <c r="E14" s="20">
        <v>52</v>
      </c>
      <c r="F14" s="21">
        <v>29</v>
      </c>
      <c r="G14" s="22">
        <v>3</v>
      </c>
    </row>
    <row r="15" spans="2:7" x14ac:dyDescent="0.2">
      <c r="B15" s="29"/>
      <c r="C15" s="7"/>
      <c r="D15" s="23">
        <v>100</v>
      </c>
      <c r="E15" s="24">
        <v>61.9</v>
      </c>
      <c r="F15" s="25">
        <v>34.5</v>
      </c>
      <c r="G15" s="26">
        <v>3.6</v>
      </c>
    </row>
    <row r="16" spans="2:7" x14ac:dyDescent="0.2">
      <c r="B16" s="29"/>
      <c r="C16" s="2" t="s">
        <v>49</v>
      </c>
      <c r="D16" s="19">
        <v>97</v>
      </c>
      <c r="E16" s="20">
        <v>68</v>
      </c>
      <c r="F16" s="21">
        <v>26</v>
      </c>
      <c r="G16" s="22">
        <v>3</v>
      </c>
    </row>
    <row r="17" spans="2:7" x14ac:dyDescent="0.2">
      <c r="B17" s="29"/>
      <c r="C17" s="7"/>
      <c r="D17" s="23">
        <v>100</v>
      </c>
      <c r="E17" s="24">
        <v>70.099999999999994</v>
      </c>
      <c r="F17" s="25">
        <v>26.8</v>
      </c>
      <c r="G17" s="26">
        <v>3.1</v>
      </c>
    </row>
    <row r="18" spans="2:7" x14ac:dyDescent="0.2">
      <c r="B18" s="29"/>
      <c r="C18" s="2" t="s">
        <v>48</v>
      </c>
      <c r="D18" s="19">
        <v>79</v>
      </c>
      <c r="E18" s="20">
        <v>54</v>
      </c>
      <c r="F18" s="21">
        <v>25</v>
      </c>
      <c r="G18" s="22" t="s">
        <v>152</v>
      </c>
    </row>
    <row r="19" spans="2:7" x14ac:dyDescent="0.2">
      <c r="B19" s="29"/>
      <c r="C19" s="7"/>
      <c r="D19" s="23">
        <v>100</v>
      </c>
      <c r="E19" s="24">
        <v>68.400000000000006</v>
      </c>
      <c r="F19" s="25">
        <v>31.6</v>
      </c>
      <c r="G19" s="26" t="s">
        <v>152</v>
      </c>
    </row>
    <row r="20" spans="2:7" x14ac:dyDescent="0.2">
      <c r="B20" s="29"/>
      <c r="C20" s="2" t="s">
        <v>47</v>
      </c>
      <c r="D20" s="19">
        <v>72</v>
      </c>
      <c r="E20" s="20">
        <v>46</v>
      </c>
      <c r="F20" s="21">
        <v>25</v>
      </c>
      <c r="G20" s="22">
        <v>1</v>
      </c>
    </row>
    <row r="21" spans="2:7" x14ac:dyDescent="0.2">
      <c r="B21" s="29"/>
      <c r="C21" s="7"/>
      <c r="D21" s="23">
        <v>100</v>
      </c>
      <c r="E21" s="24">
        <v>63.9</v>
      </c>
      <c r="F21" s="25">
        <v>34.700000000000003</v>
      </c>
      <c r="G21" s="26">
        <v>1.4</v>
      </c>
    </row>
    <row r="22" spans="2:7" x14ac:dyDescent="0.2">
      <c r="B22" s="29"/>
      <c r="C22" s="2" t="s">
        <v>46</v>
      </c>
      <c r="D22" s="19">
        <v>15</v>
      </c>
      <c r="E22" s="20">
        <v>13</v>
      </c>
      <c r="F22" s="21">
        <v>2</v>
      </c>
      <c r="G22" s="22" t="s">
        <v>152</v>
      </c>
    </row>
    <row r="23" spans="2:7" x14ac:dyDescent="0.2">
      <c r="B23" s="29"/>
      <c r="C23" s="7"/>
      <c r="D23" s="23">
        <v>100</v>
      </c>
      <c r="E23" s="24">
        <v>86.7</v>
      </c>
      <c r="F23" s="25">
        <v>13.3</v>
      </c>
      <c r="G23" s="26" t="s">
        <v>152</v>
      </c>
    </row>
    <row r="24" spans="2:7" x14ac:dyDescent="0.2">
      <c r="B24" s="29"/>
      <c r="C24" s="2" t="s">
        <v>45</v>
      </c>
      <c r="D24" s="19">
        <v>77</v>
      </c>
      <c r="E24" s="20">
        <v>51</v>
      </c>
      <c r="F24" s="21">
        <v>26</v>
      </c>
      <c r="G24" s="22" t="s">
        <v>152</v>
      </c>
    </row>
    <row r="25" spans="2:7" x14ac:dyDescent="0.2">
      <c r="B25" s="29"/>
      <c r="C25" s="7"/>
      <c r="D25" s="23">
        <v>100</v>
      </c>
      <c r="E25" s="24">
        <v>66.2</v>
      </c>
      <c r="F25" s="25">
        <v>33.799999999999997</v>
      </c>
      <c r="G25" s="26" t="s">
        <v>152</v>
      </c>
    </row>
    <row r="26" spans="2:7" x14ac:dyDescent="0.2">
      <c r="B26" s="29"/>
      <c r="C26" s="2" t="s">
        <v>44</v>
      </c>
      <c r="D26" s="19">
        <v>260</v>
      </c>
      <c r="E26" s="20">
        <v>183</v>
      </c>
      <c r="F26" s="21">
        <v>67</v>
      </c>
      <c r="G26" s="22">
        <v>10</v>
      </c>
    </row>
    <row r="27" spans="2:7" x14ac:dyDescent="0.2">
      <c r="B27" s="29"/>
      <c r="C27" s="7"/>
      <c r="D27" s="23">
        <v>100</v>
      </c>
      <c r="E27" s="24">
        <v>70.400000000000006</v>
      </c>
      <c r="F27" s="25">
        <v>25.8</v>
      </c>
      <c r="G27" s="26">
        <v>3.8</v>
      </c>
    </row>
    <row r="28" spans="2:7" x14ac:dyDescent="0.2">
      <c r="B28" s="29"/>
      <c r="C28" s="2" t="s">
        <v>43</v>
      </c>
      <c r="D28" s="19">
        <v>334</v>
      </c>
      <c r="E28" s="20">
        <v>258</v>
      </c>
      <c r="F28" s="21">
        <v>63</v>
      </c>
      <c r="G28" s="22">
        <v>13</v>
      </c>
    </row>
    <row r="29" spans="2:7" x14ac:dyDescent="0.2">
      <c r="B29" s="29"/>
      <c r="C29" s="7"/>
      <c r="D29" s="23">
        <v>100</v>
      </c>
      <c r="E29" s="24">
        <v>77.2</v>
      </c>
      <c r="F29" s="25">
        <v>18.899999999999999</v>
      </c>
      <c r="G29" s="26">
        <v>3.9</v>
      </c>
    </row>
    <row r="30" spans="2:7" x14ac:dyDescent="0.2">
      <c r="B30" s="29"/>
      <c r="C30" s="2" t="s">
        <v>14</v>
      </c>
      <c r="D30" s="19">
        <v>28</v>
      </c>
      <c r="E30" s="20">
        <v>20</v>
      </c>
      <c r="F30" s="21">
        <v>5</v>
      </c>
      <c r="G30" s="22">
        <v>3</v>
      </c>
    </row>
    <row r="31" spans="2:7" x14ac:dyDescent="0.2">
      <c r="B31" s="29"/>
      <c r="C31" s="7"/>
      <c r="D31" s="23">
        <v>100</v>
      </c>
      <c r="E31" s="24">
        <v>71.400000000000006</v>
      </c>
      <c r="F31" s="25">
        <v>17.899999999999999</v>
      </c>
      <c r="G31" s="26">
        <v>10.7</v>
      </c>
    </row>
    <row r="32" spans="2:7" x14ac:dyDescent="0.2">
      <c r="B32" s="29"/>
      <c r="C32" s="2" t="s">
        <v>42</v>
      </c>
      <c r="D32" s="19">
        <v>390</v>
      </c>
      <c r="E32" s="20">
        <v>293</v>
      </c>
      <c r="F32" s="21">
        <v>90</v>
      </c>
      <c r="G32" s="22">
        <v>7</v>
      </c>
    </row>
    <row r="33" spans="2:7" x14ac:dyDescent="0.2">
      <c r="B33" s="29"/>
      <c r="C33" s="7"/>
      <c r="D33" s="23">
        <v>100</v>
      </c>
      <c r="E33" s="24">
        <v>75.099999999999994</v>
      </c>
      <c r="F33" s="25">
        <v>23.1</v>
      </c>
      <c r="G33" s="26">
        <v>1.8</v>
      </c>
    </row>
    <row r="34" spans="2:7" x14ac:dyDescent="0.2">
      <c r="B34" s="29"/>
      <c r="C34" s="2" t="s">
        <v>13</v>
      </c>
      <c r="D34" s="19">
        <v>70</v>
      </c>
      <c r="E34" s="20">
        <v>49</v>
      </c>
      <c r="F34" s="21">
        <v>13</v>
      </c>
      <c r="G34" s="22">
        <v>8</v>
      </c>
    </row>
    <row r="35" spans="2:7" x14ac:dyDescent="0.2">
      <c r="B35" s="30"/>
      <c r="C35" s="10"/>
      <c r="D35" s="15">
        <v>100</v>
      </c>
      <c r="E35" s="16">
        <v>70</v>
      </c>
      <c r="F35" s="17">
        <v>18.600000000000001</v>
      </c>
      <c r="G35" s="18">
        <v>11.4</v>
      </c>
    </row>
    <row r="36" spans="2:7" x14ac:dyDescent="0.2">
      <c r="B36" s="28" t="s">
        <v>53</v>
      </c>
      <c r="C36" s="9" t="s">
        <v>12</v>
      </c>
      <c r="D36" s="11">
        <v>1241</v>
      </c>
      <c r="E36" s="12">
        <v>895</v>
      </c>
      <c r="F36" s="13">
        <v>304</v>
      </c>
      <c r="G36" s="14">
        <v>42</v>
      </c>
    </row>
    <row r="37" spans="2:7" x14ac:dyDescent="0.2">
      <c r="B37" s="29"/>
      <c r="C37" s="8"/>
      <c r="D37" s="15">
        <v>100</v>
      </c>
      <c r="E37" s="16">
        <v>72.099999999999994</v>
      </c>
      <c r="F37" s="17">
        <v>24.5</v>
      </c>
      <c r="G37" s="18">
        <v>3.4</v>
      </c>
    </row>
    <row r="38" spans="2:7" x14ac:dyDescent="0.2">
      <c r="B38" s="29"/>
      <c r="C38" s="2" t="s">
        <v>41</v>
      </c>
      <c r="D38" s="19">
        <v>799</v>
      </c>
      <c r="E38" s="20">
        <v>568</v>
      </c>
      <c r="F38" s="21">
        <v>218</v>
      </c>
      <c r="G38" s="22">
        <v>13</v>
      </c>
    </row>
    <row r="39" spans="2:7" x14ac:dyDescent="0.2">
      <c r="B39" s="29"/>
      <c r="C39" s="7"/>
      <c r="D39" s="23">
        <v>100</v>
      </c>
      <c r="E39" s="24">
        <v>71.099999999999994</v>
      </c>
      <c r="F39" s="25">
        <v>27.3</v>
      </c>
      <c r="G39" s="26">
        <v>1.6</v>
      </c>
    </row>
    <row r="40" spans="2:7" x14ac:dyDescent="0.2">
      <c r="B40" s="29"/>
      <c r="C40" s="2" t="s">
        <v>40</v>
      </c>
      <c r="D40" s="19">
        <v>182</v>
      </c>
      <c r="E40" s="20">
        <v>134</v>
      </c>
      <c r="F40" s="21">
        <v>41</v>
      </c>
      <c r="G40" s="22">
        <v>7</v>
      </c>
    </row>
    <row r="41" spans="2:7" x14ac:dyDescent="0.2">
      <c r="B41" s="29"/>
      <c r="C41" s="7"/>
      <c r="D41" s="23">
        <v>100</v>
      </c>
      <c r="E41" s="24">
        <v>73.599999999999994</v>
      </c>
      <c r="F41" s="25">
        <v>22.5</v>
      </c>
      <c r="G41" s="26">
        <v>3.8</v>
      </c>
    </row>
    <row r="42" spans="2:7" x14ac:dyDescent="0.2">
      <c r="B42" s="29"/>
      <c r="C42" s="2" t="s">
        <v>39</v>
      </c>
      <c r="D42" s="19">
        <v>72</v>
      </c>
      <c r="E42" s="20">
        <v>56</v>
      </c>
      <c r="F42" s="21">
        <v>15</v>
      </c>
      <c r="G42" s="22">
        <v>1</v>
      </c>
    </row>
    <row r="43" spans="2:7" x14ac:dyDescent="0.2">
      <c r="B43" s="29"/>
      <c r="C43" s="7"/>
      <c r="D43" s="23">
        <v>100</v>
      </c>
      <c r="E43" s="24">
        <v>77.8</v>
      </c>
      <c r="F43" s="25">
        <v>20.8</v>
      </c>
      <c r="G43" s="26">
        <v>1.4</v>
      </c>
    </row>
    <row r="44" spans="2:7" x14ac:dyDescent="0.2">
      <c r="B44" s="29"/>
      <c r="C44" s="2" t="s">
        <v>38</v>
      </c>
      <c r="D44" s="19">
        <v>127</v>
      </c>
      <c r="E44" s="20">
        <v>96</v>
      </c>
      <c r="F44" s="21">
        <v>18</v>
      </c>
      <c r="G44" s="22">
        <v>13</v>
      </c>
    </row>
    <row r="45" spans="2:7" x14ac:dyDescent="0.2">
      <c r="B45" s="29"/>
      <c r="C45" s="7"/>
      <c r="D45" s="23">
        <v>100</v>
      </c>
      <c r="E45" s="24">
        <v>75.599999999999994</v>
      </c>
      <c r="F45" s="25">
        <v>14.2</v>
      </c>
      <c r="G45" s="26">
        <v>10.199999999999999</v>
      </c>
    </row>
    <row r="46" spans="2:7" x14ac:dyDescent="0.2">
      <c r="B46" s="29"/>
      <c r="C46" s="2" t="s">
        <v>13</v>
      </c>
      <c r="D46" s="19">
        <v>61</v>
      </c>
      <c r="E46" s="20">
        <v>41</v>
      </c>
      <c r="F46" s="21">
        <v>12</v>
      </c>
      <c r="G46" s="22">
        <v>8</v>
      </c>
    </row>
    <row r="47" spans="2:7" x14ac:dyDescent="0.2">
      <c r="B47" s="30"/>
      <c r="C47" s="10"/>
      <c r="D47" s="15">
        <v>100</v>
      </c>
      <c r="E47" s="16">
        <v>67.2</v>
      </c>
      <c r="F47" s="17">
        <v>19.7</v>
      </c>
      <c r="G47" s="18">
        <v>13.1</v>
      </c>
    </row>
  </sheetData>
  <mergeCells count="3">
    <mergeCell ref="B4:B11"/>
    <mergeCell ref="B12:B35"/>
    <mergeCell ref="B36:B47"/>
  </mergeCells>
  <phoneticPr fontId="2"/>
  <pageMargins left="0.7" right="0.7" top="0.75" bottom="0.75" header="0.3" footer="0.3"/>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76</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874</v>
      </c>
      <c r="F4" s="13">
        <v>311</v>
      </c>
      <c r="G4" s="14">
        <v>56</v>
      </c>
    </row>
    <row r="5" spans="2:7" x14ac:dyDescent="0.2">
      <c r="B5" s="29"/>
      <c r="C5" s="8"/>
      <c r="D5" s="15">
        <v>100</v>
      </c>
      <c r="E5" s="16">
        <v>70.400000000000006</v>
      </c>
      <c r="F5" s="17">
        <v>25.1</v>
      </c>
      <c r="G5" s="18">
        <v>4.5</v>
      </c>
    </row>
    <row r="6" spans="2:7" x14ac:dyDescent="0.2">
      <c r="B6" s="29"/>
      <c r="C6" s="2" t="s">
        <v>30</v>
      </c>
      <c r="D6" s="19">
        <v>499</v>
      </c>
      <c r="E6" s="20">
        <v>357</v>
      </c>
      <c r="F6" s="21">
        <v>125</v>
      </c>
      <c r="G6" s="22">
        <v>17</v>
      </c>
    </row>
    <row r="7" spans="2:7" x14ac:dyDescent="0.2">
      <c r="B7" s="29"/>
      <c r="C7" s="7"/>
      <c r="D7" s="23">
        <v>100</v>
      </c>
      <c r="E7" s="24">
        <v>71.5</v>
      </c>
      <c r="F7" s="25">
        <v>25.1</v>
      </c>
      <c r="G7" s="26">
        <v>3.4</v>
      </c>
    </row>
    <row r="8" spans="2:7" x14ac:dyDescent="0.2">
      <c r="B8" s="29"/>
      <c r="C8" s="2" t="s">
        <v>29</v>
      </c>
      <c r="D8" s="19">
        <v>150</v>
      </c>
      <c r="E8" s="20">
        <v>113</v>
      </c>
      <c r="F8" s="21">
        <v>32</v>
      </c>
      <c r="G8" s="22">
        <v>5</v>
      </c>
    </row>
    <row r="9" spans="2:7" x14ac:dyDescent="0.2">
      <c r="B9" s="29"/>
      <c r="C9" s="7"/>
      <c r="D9" s="23">
        <v>100</v>
      </c>
      <c r="E9" s="24">
        <v>75.3</v>
      </c>
      <c r="F9" s="25">
        <v>21.3</v>
      </c>
      <c r="G9" s="26">
        <v>3.3</v>
      </c>
    </row>
    <row r="10" spans="2:7" x14ac:dyDescent="0.2">
      <c r="B10" s="29"/>
      <c r="C10" s="2" t="s">
        <v>28</v>
      </c>
      <c r="D10" s="19">
        <v>82</v>
      </c>
      <c r="E10" s="20">
        <v>54</v>
      </c>
      <c r="F10" s="21">
        <v>24</v>
      </c>
      <c r="G10" s="22">
        <v>4</v>
      </c>
    </row>
    <row r="11" spans="2:7" x14ac:dyDescent="0.2">
      <c r="B11" s="29"/>
      <c r="C11" s="7"/>
      <c r="D11" s="23">
        <v>100</v>
      </c>
      <c r="E11" s="24">
        <v>65.900000000000006</v>
      </c>
      <c r="F11" s="25">
        <v>29.3</v>
      </c>
      <c r="G11" s="26">
        <v>4.9000000000000004</v>
      </c>
    </row>
    <row r="12" spans="2:7" x14ac:dyDescent="0.2">
      <c r="B12" s="29"/>
      <c r="C12" s="2" t="s">
        <v>27</v>
      </c>
      <c r="D12" s="19">
        <v>92</v>
      </c>
      <c r="E12" s="20">
        <v>58</v>
      </c>
      <c r="F12" s="21">
        <v>27</v>
      </c>
      <c r="G12" s="22">
        <v>7</v>
      </c>
    </row>
    <row r="13" spans="2:7" x14ac:dyDescent="0.2">
      <c r="B13" s="29"/>
      <c r="C13" s="7"/>
      <c r="D13" s="23">
        <v>100</v>
      </c>
      <c r="E13" s="24">
        <v>63</v>
      </c>
      <c r="F13" s="25">
        <v>29.3</v>
      </c>
      <c r="G13" s="26">
        <v>7.6</v>
      </c>
    </row>
    <row r="14" spans="2:7" x14ac:dyDescent="0.2">
      <c r="B14" s="29"/>
      <c r="C14" s="2" t="s">
        <v>26</v>
      </c>
      <c r="D14" s="19">
        <v>112</v>
      </c>
      <c r="E14" s="20">
        <v>77</v>
      </c>
      <c r="F14" s="21">
        <v>30</v>
      </c>
      <c r="G14" s="22">
        <v>5</v>
      </c>
    </row>
    <row r="15" spans="2:7" x14ac:dyDescent="0.2">
      <c r="B15" s="29"/>
      <c r="C15" s="7"/>
      <c r="D15" s="23">
        <v>100</v>
      </c>
      <c r="E15" s="24">
        <v>68.8</v>
      </c>
      <c r="F15" s="25">
        <v>26.8</v>
      </c>
      <c r="G15" s="26">
        <v>4.5</v>
      </c>
    </row>
    <row r="16" spans="2:7" x14ac:dyDescent="0.2">
      <c r="B16" s="29"/>
      <c r="C16" s="2" t="s">
        <v>25</v>
      </c>
      <c r="D16" s="19">
        <v>188</v>
      </c>
      <c r="E16" s="20">
        <v>131</v>
      </c>
      <c r="F16" s="21">
        <v>49</v>
      </c>
      <c r="G16" s="22">
        <v>8</v>
      </c>
    </row>
    <row r="17" spans="2:7" x14ac:dyDescent="0.2">
      <c r="B17" s="29"/>
      <c r="C17" s="7"/>
      <c r="D17" s="23">
        <v>100</v>
      </c>
      <c r="E17" s="24">
        <v>69.7</v>
      </c>
      <c r="F17" s="25">
        <v>26.1</v>
      </c>
      <c r="G17" s="26">
        <v>4.3</v>
      </c>
    </row>
    <row r="18" spans="2:7" x14ac:dyDescent="0.2">
      <c r="B18" s="29"/>
      <c r="C18" s="2" t="s">
        <v>24</v>
      </c>
      <c r="D18" s="19">
        <v>60</v>
      </c>
      <c r="E18" s="20">
        <v>45</v>
      </c>
      <c r="F18" s="21">
        <v>14</v>
      </c>
      <c r="G18" s="22">
        <v>1</v>
      </c>
    </row>
    <row r="19" spans="2:7" x14ac:dyDescent="0.2">
      <c r="B19" s="29"/>
      <c r="C19" s="7"/>
      <c r="D19" s="23">
        <v>100</v>
      </c>
      <c r="E19" s="24">
        <v>75</v>
      </c>
      <c r="F19" s="25">
        <v>23.3</v>
      </c>
      <c r="G19" s="26">
        <v>1.7</v>
      </c>
    </row>
    <row r="20" spans="2:7" x14ac:dyDescent="0.2">
      <c r="B20" s="29"/>
      <c r="C20" s="2" t="s">
        <v>13</v>
      </c>
      <c r="D20" s="19">
        <v>58</v>
      </c>
      <c r="E20" s="20">
        <v>39</v>
      </c>
      <c r="F20" s="21">
        <v>10</v>
      </c>
      <c r="G20" s="22">
        <v>9</v>
      </c>
    </row>
    <row r="21" spans="2:7" x14ac:dyDescent="0.2">
      <c r="B21" s="30"/>
      <c r="C21" s="10"/>
      <c r="D21" s="15">
        <v>100</v>
      </c>
      <c r="E21" s="16">
        <v>67.2</v>
      </c>
      <c r="F21" s="17">
        <v>17.2</v>
      </c>
      <c r="G21" s="18">
        <v>15.5</v>
      </c>
    </row>
    <row r="22" spans="2:7" x14ac:dyDescent="0.2">
      <c r="B22" s="28" t="s">
        <v>35</v>
      </c>
      <c r="C22" s="9" t="s">
        <v>12</v>
      </c>
      <c r="D22" s="11">
        <v>1241</v>
      </c>
      <c r="E22" s="12">
        <v>874</v>
      </c>
      <c r="F22" s="13">
        <v>311</v>
      </c>
      <c r="G22" s="14">
        <v>56</v>
      </c>
    </row>
    <row r="23" spans="2:7" x14ac:dyDescent="0.2">
      <c r="B23" s="29"/>
      <c r="C23" s="8"/>
      <c r="D23" s="15">
        <v>100</v>
      </c>
      <c r="E23" s="16">
        <v>70.400000000000006</v>
      </c>
      <c r="F23" s="17">
        <v>25.1</v>
      </c>
      <c r="G23" s="18">
        <v>4.5</v>
      </c>
    </row>
    <row r="24" spans="2:7" x14ac:dyDescent="0.2">
      <c r="B24" s="29"/>
      <c r="C24" s="2" t="s">
        <v>23</v>
      </c>
      <c r="D24" s="19">
        <v>563</v>
      </c>
      <c r="E24" s="20">
        <v>417</v>
      </c>
      <c r="F24" s="21">
        <v>133</v>
      </c>
      <c r="G24" s="22">
        <v>13</v>
      </c>
    </row>
    <row r="25" spans="2:7" x14ac:dyDescent="0.2">
      <c r="B25" s="29"/>
      <c r="C25" s="7"/>
      <c r="D25" s="23">
        <v>100</v>
      </c>
      <c r="E25" s="24">
        <v>74.099999999999994</v>
      </c>
      <c r="F25" s="25">
        <v>23.6</v>
      </c>
      <c r="G25" s="26">
        <v>2.2999999999999998</v>
      </c>
    </row>
    <row r="26" spans="2:7" x14ac:dyDescent="0.2">
      <c r="B26" s="29"/>
      <c r="C26" s="2" t="s">
        <v>22</v>
      </c>
      <c r="D26" s="19">
        <v>607</v>
      </c>
      <c r="E26" s="20">
        <v>410</v>
      </c>
      <c r="F26" s="21">
        <v>164</v>
      </c>
      <c r="G26" s="22">
        <v>33</v>
      </c>
    </row>
    <row r="27" spans="2:7" x14ac:dyDescent="0.2">
      <c r="B27" s="29"/>
      <c r="C27" s="7"/>
      <c r="D27" s="23">
        <v>100</v>
      </c>
      <c r="E27" s="24">
        <v>67.5</v>
      </c>
      <c r="F27" s="25">
        <v>27</v>
      </c>
      <c r="G27" s="26">
        <v>5.4</v>
      </c>
    </row>
    <row r="28" spans="2:7" x14ac:dyDescent="0.2">
      <c r="B28" s="29"/>
      <c r="C28" s="2" t="s">
        <v>13</v>
      </c>
      <c r="D28" s="19">
        <v>71</v>
      </c>
      <c r="E28" s="20">
        <v>47</v>
      </c>
      <c r="F28" s="21">
        <v>14</v>
      </c>
      <c r="G28" s="22">
        <v>10</v>
      </c>
    </row>
    <row r="29" spans="2:7" x14ac:dyDescent="0.2">
      <c r="B29" s="30"/>
      <c r="C29" s="10"/>
      <c r="D29" s="15">
        <v>100</v>
      </c>
      <c r="E29" s="16">
        <v>66.2</v>
      </c>
      <c r="F29" s="17">
        <v>19.7</v>
      </c>
      <c r="G29" s="18">
        <v>14.1</v>
      </c>
    </row>
    <row r="30" spans="2:7" x14ac:dyDescent="0.2">
      <c r="B30" s="28" t="s">
        <v>34</v>
      </c>
      <c r="C30" s="9" t="s">
        <v>12</v>
      </c>
      <c r="D30" s="11">
        <v>1241</v>
      </c>
      <c r="E30" s="12">
        <v>874</v>
      </c>
      <c r="F30" s="13">
        <v>311</v>
      </c>
      <c r="G30" s="14">
        <v>56</v>
      </c>
    </row>
    <row r="31" spans="2:7" x14ac:dyDescent="0.2">
      <c r="B31" s="29"/>
      <c r="C31" s="8"/>
      <c r="D31" s="15">
        <v>100</v>
      </c>
      <c r="E31" s="16">
        <v>70.400000000000006</v>
      </c>
      <c r="F31" s="17">
        <v>25.1</v>
      </c>
      <c r="G31" s="18">
        <v>4.5</v>
      </c>
    </row>
    <row r="32" spans="2:7" x14ac:dyDescent="0.2">
      <c r="B32" s="29"/>
      <c r="C32" s="2" t="s">
        <v>75</v>
      </c>
      <c r="D32" s="19">
        <v>3</v>
      </c>
      <c r="E32" s="20">
        <v>1</v>
      </c>
      <c r="F32" s="21">
        <v>2</v>
      </c>
      <c r="G32" s="22" t="s">
        <v>152</v>
      </c>
    </row>
    <row r="33" spans="2:7" x14ac:dyDescent="0.2">
      <c r="B33" s="29"/>
      <c r="C33" s="7"/>
      <c r="D33" s="23">
        <v>100</v>
      </c>
      <c r="E33" s="24">
        <v>33.299999999999997</v>
      </c>
      <c r="F33" s="25">
        <v>66.7</v>
      </c>
      <c r="G33" s="26" t="s">
        <v>152</v>
      </c>
    </row>
    <row r="34" spans="2:7" x14ac:dyDescent="0.2">
      <c r="B34" s="29"/>
      <c r="C34" s="2" t="s">
        <v>77</v>
      </c>
      <c r="D34" s="19">
        <v>51</v>
      </c>
      <c r="E34" s="20">
        <v>33</v>
      </c>
      <c r="F34" s="21">
        <v>18</v>
      </c>
      <c r="G34" s="22" t="s">
        <v>152</v>
      </c>
    </row>
    <row r="35" spans="2:7" x14ac:dyDescent="0.2">
      <c r="B35" s="29"/>
      <c r="C35" s="7"/>
      <c r="D35" s="23">
        <v>100</v>
      </c>
      <c r="E35" s="24">
        <v>64.7</v>
      </c>
      <c r="F35" s="25">
        <v>35.299999999999997</v>
      </c>
      <c r="G35" s="26" t="s">
        <v>152</v>
      </c>
    </row>
    <row r="36" spans="2:7" x14ac:dyDescent="0.2">
      <c r="B36" s="29"/>
      <c r="C36" s="2" t="s">
        <v>147</v>
      </c>
      <c r="D36" s="19">
        <v>54</v>
      </c>
      <c r="E36" s="20">
        <v>34</v>
      </c>
      <c r="F36" s="21">
        <v>20</v>
      </c>
      <c r="G36" s="22" t="s">
        <v>152</v>
      </c>
    </row>
    <row r="37" spans="2:7" x14ac:dyDescent="0.2">
      <c r="B37" s="29"/>
      <c r="C37" s="7"/>
      <c r="D37" s="23">
        <v>100</v>
      </c>
      <c r="E37" s="24">
        <v>62.962962962962962</v>
      </c>
      <c r="F37" s="25">
        <v>37.037037037037038</v>
      </c>
      <c r="G37" s="26" t="s">
        <v>152</v>
      </c>
    </row>
    <row r="38" spans="2:7" x14ac:dyDescent="0.2">
      <c r="B38" s="29"/>
      <c r="C38" s="2" t="s">
        <v>79</v>
      </c>
      <c r="D38" s="19">
        <v>116</v>
      </c>
      <c r="E38" s="20">
        <v>76</v>
      </c>
      <c r="F38" s="21">
        <v>35</v>
      </c>
      <c r="G38" s="22">
        <v>5</v>
      </c>
    </row>
    <row r="39" spans="2:7" x14ac:dyDescent="0.2">
      <c r="B39" s="29"/>
      <c r="C39" s="7"/>
      <c r="D39" s="23">
        <v>100</v>
      </c>
      <c r="E39" s="24">
        <v>65.5</v>
      </c>
      <c r="F39" s="25">
        <v>30.2</v>
      </c>
      <c r="G39" s="26">
        <v>4.3</v>
      </c>
    </row>
    <row r="40" spans="2:7" x14ac:dyDescent="0.2">
      <c r="B40" s="29"/>
      <c r="C40" s="2" t="s">
        <v>81</v>
      </c>
      <c r="D40" s="19">
        <v>200</v>
      </c>
      <c r="E40" s="20">
        <v>124</v>
      </c>
      <c r="F40" s="21">
        <v>70</v>
      </c>
      <c r="G40" s="22">
        <v>6</v>
      </c>
    </row>
    <row r="41" spans="2:7" x14ac:dyDescent="0.2">
      <c r="B41" s="29"/>
      <c r="C41" s="7"/>
      <c r="D41" s="23">
        <v>100</v>
      </c>
      <c r="E41" s="24">
        <v>62</v>
      </c>
      <c r="F41" s="25">
        <v>35</v>
      </c>
      <c r="G41" s="26">
        <v>3</v>
      </c>
    </row>
    <row r="42" spans="2:7" x14ac:dyDescent="0.2">
      <c r="B42" s="29"/>
      <c r="C42" s="2" t="s">
        <v>83</v>
      </c>
      <c r="D42" s="19">
        <v>289</v>
      </c>
      <c r="E42" s="20">
        <v>197</v>
      </c>
      <c r="F42" s="21">
        <v>82</v>
      </c>
      <c r="G42" s="22">
        <v>10</v>
      </c>
    </row>
    <row r="43" spans="2:7" x14ac:dyDescent="0.2">
      <c r="B43" s="29"/>
      <c r="C43" s="7"/>
      <c r="D43" s="23">
        <v>100</v>
      </c>
      <c r="E43" s="24">
        <v>68.2</v>
      </c>
      <c r="F43" s="25">
        <v>28.4</v>
      </c>
      <c r="G43" s="26">
        <v>3.5</v>
      </c>
    </row>
    <row r="44" spans="2:7" x14ac:dyDescent="0.2">
      <c r="B44" s="29"/>
      <c r="C44" s="2" t="s">
        <v>85</v>
      </c>
      <c r="D44" s="19">
        <v>247</v>
      </c>
      <c r="E44" s="20">
        <v>184</v>
      </c>
      <c r="F44" s="21">
        <v>58</v>
      </c>
      <c r="G44" s="22">
        <v>5</v>
      </c>
    </row>
    <row r="45" spans="2:7" x14ac:dyDescent="0.2">
      <c r="B45" s="29"/>
      <c r="C45" s="7"/>
      <c r="D45" s="23">
        <v>100</v>
      </c>
      <c r="E45" s="24">
        <v>74.5</v>
      </c>
      <c r="F45" s="25">
        <v>23.5</v>
      </c>
      <c r="G45" s="26">
        <v>2</v>
      </c>
    </row>
    <row r="46" spans="2:7" x14ac:dyDescent="0.2">
      <c r="B46" s="29"/>
      <c r="C46" s="2" t="s">
        <v>87</v>
      </c>
      <c r="D46" s="19">
        <v>125</v>
      </c>
      <c r="E46" s="20">
        <v>100</v>
      </c>
      <c r="F46" s="21">
        <v>17</v>
      </c>
      <c r="G46" s="22">
        <v>8</v>
      </c>
    </row>
    <row r="47" spans="2:7" x14ac:dyDescent="0.2">
      <c r="B47" s="29"/>
      <c r="C47" s="7"/>
      <c r="D47" s="23">
        <v>100</v>
      </c>
      <c r="E47" s="24">
        <v>80</v>
      </c>
      <c r="F47" s="25">
        <v>13.6</v>
      </c>
      <c r="G47" s="26">
        <v>6.4</v>
      </c>
    </row>
    <row r="48" spans="2:7" x14ac:dyDescent="0.2">
      <c r="B48" s="29"/>
      <c r="C48" s="2" t="s">
        <v>89</v>
      </c>
      <c r="D48" s="19">
        <v>150</v>
      </c>
      <c r="E48" s="20">
        <v>119</v>
      </c>
      <c r="F48" s="21">
        <v>18</v>
      </c>
      <c r="G48" s="22">
        <v>13</v>
      </c>
    </row>
    <row r="49" spans="2:7" x14ac:dyDescent="0.2">
      <c r="B49" s="29"/>
      <c r="C49" s="7"/>
      <c r="D49" s="23">
        <v>100</v>
      </c>
      <c r="E49" s="24">
        <v>79.3</v>
      </c>
      <c r="F49" s="25">
        <v>12</v>
      </c>
      <c r="G49" s="26">
        <v>8.6999999999999993</v>
      </c>
    </row>
    <row r="50" spans="2:7" x14ac:dyDescent="0.2">
      <c r="B50" s="29"/>
      <c r="C50" s="2" t="s">
        <v>91</v>
      </c>
      <c r="D50" s="19">
        <v>60</v>
      </c>
      <c r="E50" s="20">
        <v>40</v>
      </c>
      <c r="F50" s="21">
        <v>11</v>
      </c>
      <c r="G50" s="22">
        <v>9</v>
      </c>
    </row>
    <row r="51" spans="2:7" x14ac:dyDescent="0.2">
      <c r="B51" s="29"/>
      <c r="C51" s="10"/>
      <c r="D51" s="23">
        <v>100</v>
      </c>
      <c r="E51" s="24">
        <v>66.7</v>
      </c>
      <c r="F51" s="25">
        <v>18.3</v>
      </c>
      <c r="G51" s="26">
        <v>15</v>
      </c>
    </row>
    <row r="52" spans="2:7" x14ac:dyDescent="0.2">
      <c r="B52" s="28" t="s">
        <v>33</v>
      </c>
      <c r="C52" s="9" t="s">
        <v>12</v>
      </c>
      <c r="D52" s="11">
        <v>1241</v>
      </c>
      <c r="E52" s="12">
        <v>874</v>
      </c>
      <c r="F52" s="13">
        <v>311</v>
      </c>
      <c r="G52" s="14">
        <v>56</v>
      </c>
    </row>
    <row r="53" spans="2:7" x14ac:dyDescent="0.2">
      <c r="B53" s="29"/>
      <c r="C53" s="8"/>
      <c r="D53" s="15">
        <v>100</v>
      </c>
      <c r="E53" s="16">
        <v>70.400000000000006</v>
      </c>
      <c r="F53" s="17">
        <v>25.1</v>
      </c>
      <c r="G53" s="18">
        <v>4.5</v>
      </c>
    </row>
    <row r="54" spans="2:7" x14ac:dyDescent="0.2">
      <c r="B54" s="29"/>
      <c r="C54" s="2" t="s">
        <v>57</v>
      </c>
      <c r="D54" s="19">
        <v>2</v>
      </c>
      <c r="E54" s="20">
        <v>1</v>
      </c>
      <c r="F54" s="21">
        <v>1</v>
      </c>
      <c r="G54" s="22" t="s">
        <v>152</v>
      </c>
    </row>
    <row r="55" spans="2:7" x14ac:dyDescent="0.2">
      <c r="B55" s="29"/>
      <c r="C55" s="7"/>
      <c r="D55" s="23">
        <v>100</v>
      </c>
      <c r="E55" s="24">
        <v>50</v>
      </c>
      <c r="F55" s="25">
        <v>50</v>
      </c>
      <c r="G55" s="26" t="s">
        <v>152</v>
      </c>
    </row>
    <row r="56" spans="2:7" x14ac:dyDescent="0.2">
      <c r="B56" s="29"/>
      <c r="C56" s="2" t="s">
        <v>63</v>
      </c>
      <c r="D56" s="19">
        <v>20</v>
      </c>
      <c r="E56" s="20">
        <v>10</v>
      </c>
      <c r="F56" s="21">
        <v>10</v>
      </c>
      <c r="G56" s="22" t="s">
        <v>152</v>
      </c>
    </row>
    <row r="57" spans="2:7" x14ac:dyDescent="0.2">
      <c r="B57" s="29"/>
      <c r="C57" s="7"/>
      <c r="D57" s="23">
        <v>100</v>
      </c>
      <c r="E57" s="24">
        <v>50</v>
      </c>
      <c r="F57" s="25">
        <v>50</v>
      </c>
      <c r="G57" s="26" t="s">
        <v>152</v>
      </c>
    </row>
    <row r="58" spans="2:7" x14ac:dyDescent="0.2">
      <c r="B58" s="29"/>
      <c r="C58" s="2" t="s">
        <v>148</v>
      </c>
      <c r="D58" s="19">
        <v>22</v>
      </c>
      <c r="E58" s="20">
        <v>11</v>
      </c>
      <c r="F58" s="21">
        <v>11</v>
      </c>
      <c r="G58" s="22" t="s">
        <v>152</v>
      </c>
    </row>
    <row r="59" spans="2:7" x14ac:dyDescent="0.2">
      <c r="B59" s="29"/>
      <c r="C59" s="7"/>
      <c r="D59" s="23">
        <v>100</v>
      </c>
      <c r="E59" s="24">
        <v>50</v>
      </c>
      <c r="F59" s="25">
        <v>50</v>
      </c>
      <c r="G59" s="26" t="s">
        <v>152</v>
      </c>
    </row>
    <row r="60" spans="2:7" x14ac:dyDescent="0.2">
      <c r="B60" s="29"/>
      <c r="C60" s="2" t="s">
        <v>64</v>
      </c>
      <c r="D60" s="19">
        <v>51</v>
      </c>
      <c r="E60" s="20">
        <v>32</v>
      </c>
      <c r="F60" s="21">
        <v>19</v>
      </c>
      <c r="G60" s="22" t="s">
        <v>152</v>
      </c>
    </row>
    <row r="61" spans="2:7" x14ac:dyDescent="0.2">
      <c r="B61" s="29"/>
      <c r="C61" s="7"/>
      <c r="D61" s="23">
        <v>100</v>
      </c>
      <c r="E61" s="24">
        <v>62.7</v>
      </c>
      <c r="F61" s="25">
        <v>37.299999999999997</v>
      </c>
      <c r="G61" s="26" t="s">
        <v>152</v>
      </c>
    </row>
    <row r="62" spans="2:7" x14ac:dyDescent="0.2">
      <c r="B62" s="29"/>
      <c r="C62" s="2" t="s">
        <v>65</v>
      </c>
      <c r="D62" s="19">
        <v>88</v>
      </c>
      <c r="E62" s="20">
        <v>59</v>
      </c>
      <c r="F62" s="21">
        <v>29</v>
      </c>
      <c r="G62" s="22" t="s">
        <v>152</v>
      </c>
    </row>
    <row r="63" spans="2:7" x14ac:dyDescent="0.2">
      <c r="B63" s="29"/>
      <c r="C63" s="7"/>
      <c r="D63" s="23">
        <v>100</v>
      </c>
      <c r="E63" s="24">
        <v>67</v>
      </c>
      <c r="F63" s="25">
        <v>33</v>
      </c>
      <c r="G63" s="26" t="s">
        <v>152</v>
      </c>
    </row>
    <row r="64" spans="2:7" x14ac:dyDescent="0.2">
      <c r="B64" s="29"/>
      <c r="C64" s="2" t="s">
        <v>66</v>
      </c>
      <c r="D64" s="19">
        <v>146</v>
      </c>
      <c r="E64" s="20">
        <v>108</v>
      </c>
      <c r="F64" s="21">
        <v>34</v>
      </c>
      <c r="G64" s="22">
        <v>4</v>
      </c>
    </row>
    <row r="65" spans="2:7" x14ac:dyDescent="0.2">
      <c r="B65" s="29"/>
      <c r="C65" s="7"/>
      <c r="D65" s="23">
        <v>100</v>
      </c>
      <c r="E65" s="24">
        <v>74</v>
      </c>
      <c r="F65" s="25">
        <v>23.3</v>
      </c>
      <c r="G65" s="26">
        <v>2.7</v>
      </c>
    </row>
    <row r="66" spans="2:7" x14ac:dyDescent="0.2">
      <c r="B66" s="29"/>
      <c r="C66" s="2" t="s">
        <v>67</v>
      </c>
      <c r="D66" s="19">
        <v>133</v>
      </c>
      <c r="E66" s="20">
        <v>102</v>
      </c>
      <c r="F66" s="21">
        <v>28</v>
      </c>
      <c r="G66" s="22">
        <v>3</v>
      </c>
    </row>
    <row r="67" spans="2:7" x14ac:dyDescent="0.2">
      <c r="B67" s="29"/>
      <c r="C67" s="7"/>
      <c r="D67" s="23">
        <v>100</v>
      </c>
      <c r="E67" s="24">
        <v>76.7</v>
      </c>
      <c r="F67" s="25">
        <v>21.1</v>
      </c>
      <c r="G67" s="26">
        <v>2.2999999999999998</v>
      </c>
    </row>
    <row r="68" spans="2:7" x14ac:dyDescent="0.2">
      <c r="B68" s="29"/>
      <c r="C68" s="2" t="s">
        <v>58</v>
      </c>
      <c r="D68" s="19">
        <v>57</v>
      </c>
      <c r="E68" s="20">
        <v>47</v>
      </c>
      <c r="F68" s="21">
        <v>7</v>
      </c>
      <c r="G68" s="22">
        <v>3</v>
      </c>
    </row>
    <row r="69" spans="2:7" x14ac:dyDescent="0.2">
      <c r="B69" s="29"/>
      <c r="C69" s="7"/>
      <c r="D69" s="23">
        <v>100</v>
      </c>
      <c r="E69" s="24">
        <v>82.5</v>
      </c>
      <c r="F69" s="25">
        <v>12.3</v>
      </c>
      <c r="G69" s="26">
        <v>5.3</v>
      </c>
    </row>
    <row r="70" spans="2:7" x14ac:dyDescent="0.2">
      <c r="B70" s="29"/>
      <c r="C70" s="2" t="s">
        <v>68</v>
      </c>
      <c r="D70" s="19">
        <v>65</v>
      </c>
      <c r="E70" s="20">
        <v>57</v>
      </c>
      <c r="F70" s="21">
        <v>5</v>
      </c>
      <c r="G70" s="22">
        <v>3</v>
      </c>
    </row>
    <row r="71" spans="2:7" x14ac:dyDescent="0.2">
      <c r="B71" s="29"/>
      <c r="C71" s="7"/>
      <c r="D71" s="23">
        <v>100</v>
      </c>
      <c r="E71" s="24">
        <v>87.7</v>
      </c>
      <c r="F71" s="25">
        <v>7.7</v>
      </c>
      <c r="G71" s="26">
        <v>4.5999999999999996</v>
      </c>
    </row>
    <row r="72" spans="2:7" x14ac:dyDescent="0.2">
      <c r="B72" s="29"/>
      <c r="C72" s="2" t="s">
        <v>59</v>
      </c>
      <c r="D72" s="19">
        <v>1</v>
      </c>
      <c r="E72" s="20" t="s">
        <v>152</v>
      </c>
      <c r="F72" s="21">
        <v>1</v>
      </c>
      <c r="G72" s="22" t="s">
        <v>152</v>
      </c>
    </row>
    <row r="73" spans="2:7" x14ac:dyDescent="0.2">
      <c r="B73" s="29"/>
      <c r="C73" s="7"/>
      <c r="D73" s="23">
        <v>100</v>
      </c>
      <c r="E73" s="24" t="s">
        <v>152</v>
      </c>
      <c r="F73" s="25">
        <v>100</v>
      </c>
      <c r="G73" s="26" t="s">
        <v>152</v>
      </c>
    </row>
    <row r="74" spans="2:7" x14ac:dyDescent="0.2">
      <c r="B74" s="29"/>
      <c r="C74" s="2" t="s">
        <v>69</v>
      </c>
      <c r="D74" s="19">
        <v>29</v>
      </c>
      <c r="E74" s="20">
        <v>22</v>
      </c>
      <c r="F74" s="21">
        <v>7</v>
      </c>
      <c r="G74" s="22" t="s">
        <v>152</v>
      </c>
    </row>
    <row r="75" spans="2:7" x14ac:dyDescent="0.2">
      <c r="B75" s="29"/>
      <c r="C75" s="7"/>
      <c r="D75" s="23">
        <v>100</v>
      </c>
      <c r="E75" s="24">
        <v>75.900000000000006</v>
      </c>
      <c r="F75" s="25">
        <v>24.1</v>
      </c>
      <c r="G75" s="26" t="s">
        <v>152</v>
      </c>
    </row>
    <row r="76" spans="2:7" x14ac:dyDescent="0.2">
      <c r="B76" s="29"/>
      <c r="C76" s="2" t="s">
        <v>149</v>
      </c>
      <c r="D76" s="19">
        <v>30</v>
      </c>
      <c r="E76" s="20">
        <v>22</v>
      </c>
      <c r="F76" s="21">
        <v>8</v>
      </c>
      <c r="G76" s="22" t="s">
        <v>152</v>
      </c>
    </row>
    <row r="77" spans="2:7" x14ac:dyDescent="0.2">
      <c r="B77" s="29"/>
      <c r="C77" s="7"/>
      <c r="D77" s="23">
        <v>100</v>
      </c>
      <c r="E77" s="24">
        <v>73.333333333333329</v>
      </c>
      <c r="F77" s="25">
        <v>26.666666666666668</v>
      </c>
      <c r="G77" s="26" t="s">
        <v>152</v>
      </c>
    </row>
    <row r="78" spans="2:7" x14ac:dyDescent="0.2">
      <c r="B78" s="29"/>
      <c r="C78" s="2" t="s">
        <v>70</v>
      </c>
      <c r="D78" s="19">
        <v>64</v>
      </c>
      <c r="E78" s="20">
        <v>44</v>
      </c>
      <c r="F78" s="21">
        <v>15</v>
      </c>
      <c r="G78" s="22">
        <v>5</v>
      </c>
    </row>
    <row r="79" spans="2:7" x14ac:dyDescent="0.2">
      <c r="B79" s="29"/>
      <c r="C79" s="7"/>
      <c r="D79" s="23">
        <v>100</v>
      </c>
      <c r="E79" s="24">
        <v>68.8</v>
      </c>
      <c r="F79" s="25">
        <v>23.4</v>
      </c>
      <c r="G79" s="26">
        <v>7.8</v>
      </c>
    </row>
    <row r="80" spans="2:7" x14ac:dyDescent="0.2">
      <c r="B80" s="29"/>
      <c r="C80" s="2" t="s">
        <v>71</v>
      </c>
      <c r="D80" s="19">
        <v>112</v>
      </c>
      <c r="E80" s="20">
        <v>65</v>
      </c>
      <c r="F80" s="21">
        <v>41</v>
      </c>
      <c r="G80" s="22">
        <v>6</v>
      </c>
    </row>
    <row r="81" spans="2:7" x14ac:dyDescent="0.2">
      <c r="B81" s="29"/>
      <c r="C81" s="7"/>
      <c r="D81" s="23">
        <v>100</v>
      </c>
      <c r="E81" s="24">
        <v>58</v>
      </c>
      <c r="F81" s="25">
        <v>36.6</v>
      </c>
      <c r="G81" s="26">
        <v>5.4</v>
      </c>
    </row>
    <row r="82" spans="2:7" x14ac:dyDescent="0.2">
      <c r="B82" s="29"/>
      <c r="C82" s="2" t="s">
        <v>72</v>
      </c>
      <c r="D82" s="19">
        <v>137</v>
      </c>
      <c r="E82" s="20">
        <v>87</v>
      </c>
      <c r="F82" s="21">
        <v>45</v>
      </c>
      <c r="G82" s="22">
        <v>5</v>
      </c>
    </row>
    <row r="83" spans="2:7" x14ac:dyDescent="0.2">
      <c r="B83" s="29"/>
      <c r="C83" s="7"/>
      <c r="D83" s="23">
        <v>100</v>
      </c>
      <c r="E83" s="24">
        <v>63.5</v>
      </c>
      <c r="F83" s="25">
        <v>32.799999999999997</v>
      </c>
      <c r="G83" s="26">
        <v>3.6</v>
      </c>
    </row>
    <row r="84" spans="2:7" x14ac:dyDescent="0.2">
      <c r="B84" s="29"/>
      <c r="C84" s="2" t="s">
        <v>73</v>
      </c>
      <c r="D84" s="19">
        <v>112</v>
      </c>
      <c r="E84" s="20">
        <v>80</v>
      </c>
      <c r="F84" s="21">
        <v>30</v>
      </c>
      <c r="G84" s="22">
        <v>2</v>
      </c>
    </row>
    <row r="85" spans="2:7" x14ac:dyDescent="0.2">
      <c r="B85" s="29"/>
      <c r="C85" s="7"/>
      <c r="D85" s="23">
        <v>100</v>
      </c>
      <c r="E85" s="24">
        <v>71.400000000000006</v>
      </c>
      <c r="F85" s="25">
        <v>26.8</v>
      </c>
      <c r="G85" s="26">
        <v>1.8</v>
      </c>
    </row>
    <row r="86" spans="2:7" x14ac:dyDescent="0.2">
      <c r="B86" s="29"/>
      <c r="C86" s="2" t="s">
        <v>60</v>
      </c>
      <c r="D86" s="19">
        <v>66</v>
      </c>
      <c r="E86" s="20">
        <v>51</v>
      </c>
      <c r="F86" s="21">
        <v>10</v>
      </c>
      <c r="G86" s="22">
        <v>5</v>
      </c>
    </row>
    <row r="87" spans="2:7" x14ac:dyDescent="0.2">
      <c r="B87" s="29"/>
      <c r="C87" s="7"/>
      <c r="D87" s="23">
        <v>100</v>
      </c>
      <c r="E87" s="24">
        <v>77.3</v>
      </c>
      <c r="F87" s="25">
        <v>15.2</v>
      </c>
      <c r="G87" s="26">
        <v>7.6</v>
      </c>
    </row>
    <row r="88" spans="2:7" x14ac:dyDescent="0.2">
      <c r="B88" s="29"/>
      <c r="C88" s="2" t="s">
        <v>74</v>
      </c>
      <c r="D88" s="19">
        <v>83</v>
      </c>
      <c r="E88" s="20">
        <v>60</v>
      </c>
      <c r="F88" s="21">
        <v>13</v>
      </c>
      <c r="G88" s="22">
        <v>10</v>
      </c>
    </row>
    <row r="89" spans="2:7" x14ac:dyDescent="0.2">
      <c r="B89" s="29"/>
      <c r="C89" s="7"/>
      <c r="D89" s="23">
        <v>100</v>
      </c>
      <c r="E89" s="24">
        <v>72.3</v>
      </c>
      <c r="F89" s="25">
        <v>15.7</v>
      </c>
      <c r="G89" s="26">
        <v>12</v>
      </c>
    </row>
    <row r="90" spans="2:7" x14ac:dyDescent="0.2">
      <c r="B90" s="29"/>
      <c r="C90" s="2" t="s">
        <v>0</v>
      </c>
      <c r="D90" s="19">
        <v>75</v>
      </c>
      <c r="E90" s="20">
        <v>49</v>
      </c>
      <c r="F90" s="21">
        <v>16</v>
      </c>
      <c r="G90" s="22">
        <v>10</v>
      </c>
    </row>
    <row r="91" spans="2:7" x14ac:dyDescent="0.2">
      <c r="B91" s="29"/>
      <c r="C91" s="7"/>
      <c r="D91" s="23">
        <v>100</v>
      </c>
      <c r="E91" s="24">
        <v>65.3</v>
      </c>
      <c r="F91" s="25">
        <v>21.3</v>
      </c>
      <c r="G91" s="26">
        <v>13.3</v>
      </c>
    </row>
    <row r="92" spans="2:7" x14ac:dyDescent="0.2">
      <c r="B92" s="28" t="s">
        <v>32</v>
      </c>
      <c r="C92" s="9" t="s">
        <v>12</v>
      </c>
      <c r="D92" s="11">
        <v>1241</v>
      </c>
      <c r="E92" s="12">
        <v>874</v>
      </c>
      <c r="F92" s="13">
        <v>311</v>
      </c>
      <c r="G92" s="14">
        <v>56</v>
      </c>
    </row>
    <row r="93" spans="2:7" x14ac:dyDescent="0.2">
      <c r="B93" s="29"/>
      <c r="C93" s="8"/>
      <c r="D93" s="15">
        <v>100</v>
      </c>
      <c r="E93" s="16">
        <v>70.400000000000006</v>
      </c>
      <c r="F93" s="17">
        <v>25.1</v>
      </c>
      <c r="G93" s="18">
        <v>4.5</v>
      </c>
    </row>
    <row r="94" spans="2:7" x14ac:dyDescent="0.2">
      <c r="B94" s="29"/>
      <c r="C94" s="2" t="s">
        <v>21</v>
      </c>
      <c r="D94" s="19">
        <v>65</v>
      </c>
      <c r="E94" s="20">
        <v>50</v>
      </c>
      <c r="F94" s="21">
        <v>12</v>
      </c>
      <c r="G94" s="22">
        <v>3</v>
      </c>
    </row>
    <row r="95" spans="2:7" x14ac:dyDescent="0.2">
      <c r="B95" s="29"/>
      <c r="C95" s="7"/>
      <c r="D95" s="23">
        <v>100</v>
      </c>
      <c r="E95" s="24">
        <v>76.900000000000006</v>
      </c>
      <c r="F95" s="25">
        <v>18.5</v>
      </c>
      <c r="G95" s="26">
        <v>4.5999999999999996</v>
      </c>
    </row>
    <row r="96" spans="2:7" x14ac:dyDescent="0.2">
      <c r="B96" s="29"/>
      <c r="C96" s="2" t="s">
        <v>20</v>
      </c>
      <c r="D96" s="19">
        <v>7</v>
      </c>
      <c r="E96" s="20">
        <v>5</v>
      </c>
      <c r="F96" s="21">
        <v>2</v>
      </c>
      <c r="G96" s="22" t="s">
        <v>152</v>
      </c>
    </row>
    <row r="97" spans="2:7" x14ac:dyDescent="0.2">
      <c r="B97" s="29"/>
      <c r="C97" s="7"/>
      <c r="D97" s="23">
        <v>100</v>
      </c>
      <c r="E97" s="24">
        <v>71.400000000000006</v>
      </c>
      <c r="F97" s="25">
        <v>28.6</v>
      </c>
      <c r="G97" s="26" t="s">
        <v>152</v>
      </c>
    </row>
    <row r="98" spans="2:7" x14ac:dyDescent="0.2">
      <c r="B98" s="29"/>
      <c r="C98" s="2" t="s">
        <v>19</v>
      </c>
      <c r="D98" s="19">
        <v>484</v>
      </c>
      <c r="E98" s="20">
        <v>336</v>
      </c>
      <c r="F98" s="21">
        <v>137</v>
      </c>
      <c r="G98" s="22">
        <v>11</v>
      </c>
    </row>
    <row r="99" spans="2:7" x14ac:dyDescent="0.2">
      <c r="B99" s="29"/>
      <c r="C99" s="7"/>
      <c r="D99" s="23">
        <v>100</v>
      </c>
      <c r="E99" s="24">
        <v>69.400000000000006</v>
      </c>
      <c r="F99" s="25">
        <v>28.3</v>
      </c>
      <c r="G99" s="26">
        <v>2.2999999999999998</v>
      </c>
    </row>
    <row r="100" spans="2:7" x14ac:dyDescent="0.2">
      <c r="B100" s="29"/>
      <c r="C100" s="2" t="s">
        <v>18</v>
      </c>
      <c r="D100" s="19">
        <v>195</v>
      </c>
      <c r="E100" s="20">
        <v>120</v>
      </c>
      <c r="F100" s="21">
        <v>65</v>
      </c>
      <c r="G100" s="22">
        <v>10</v>
      </c>
    </row>
    <row r="101" spans="2:7" x14ac:dyDescent="0.2">
      <c r="B101" s="29"/>
      <c r="C101" s="7"/>
      <c r="D101" s="23">
        <v>100</v>
      </c>
      <c r="E101" s="24">
        <v>61.5</v>
      </c>
      <c r="F101" s="25">
        <v>33.299999999999997</v>
      </c>
      <c r="G101" s="26">
        <v>5.0999999999999996</v>
      </c>
    </row>
    <row r="102" spans="2:7" x14ac:dyDescent="0.2">
      <c r="B102" s="29"/>
      <c r="C102" s="2" t="s">
        <v>17</v>
      </c>
      <c r="D102" s="19">
        <v>1</v>
      </c>
      <c r="E102" s="20">
        <v>1</v>
      </c>
      <c r="F102" s="21" t="s">
        <v>152</v>
      </c>
      <c r="G102" s="22" t="s">
        <v>152</v>
      </c>
    </row>
    <row r="103" spans="2:7" x14ac:dyDescent="0.2">
      <c r="B103" s="29"/>
      <c r="C103" s="7"/>
      <c r="D103" s="23">
        <v>100</v>
      </c>
      <c r="E103" s="24">
        <v>100</v>
      </c>
      <c r="F103" s="25" t="s">
        <v>152</v>
      </c>
      <c r="G103" s="26" t="s">
        <v>152</v>
      </c>
    </row>
    <row r="104" spans="2:7" x14ac:dyDescent="0.2">
      <c r="B104" s="29"/>
      <c r="C104" s="2" t="s">
        <v>151</v>
      </c>
      <c r="D104" s="19">
        <v>178</v>
      </c>
      <c r="E104" s="20">
        <v>132</v>
      </c>
      <c r="F104" s="21">
        <v>35</v>
      </c>
      <c r="G104" s="22">
        <v>11</v>
      </c>
    </row>
    <row r="105" spans="2:7" x14ac:dyDescent="0.2">
      <c r="B105" s="29"/>
      <c r="C105" s="7"/>
      <c r="D105" s="23">
        <v>100</v>
      </c>
      <c r="E105" s="24">
        <v>74.2</v>
      </c>
      <c r="F105" s="25">
        <v>19.7</v>
      </c>
      <c r="G105" s="26">
        <v>6.2</v>
      </c>
    </row>
    <row r="106" spans="2:7" x14ac:dyDescent="0.2">
      <c r="B106" s="29"/>
      <c r="C106" s="2" t="s">
        <v>16</v>
      </c>
      <c r="D106" s="19">
        <v>10</v>
      </c>
      <c r="E106" s="20">
        <v>6</v>
      </c>
      <c r="F106" s="21">
        <v>4</v>
      </c>
      <c r="G106" s="22" t="s">
        <v>152</v>
      </c>
    </row>
    <row r="107" spans="2:7" x14ac:dyDescent="0.2">
      <c r="B107" s="29"/>
      <c r="C107" s="7"/>
      <c r="D107" s="23">
        <v>100</v>
      </c>
      <c r="E107" s="24">
        <v>60</v>
      </c>
      <c r="F107" s="25">
        <v>40</v>
      </c>
      <c r="G107" s="26" t="s">
        <v>152</v>
      </c>
    </row>
    <row r="108" spans="2:7" x14ac:dyDescent="0.2">
      <c r="B108" s="29"/>
      <c r="C108" s="2" t="s">
        <v>15</v>
      </c>
      <c r="D108" s="19">
        <v>211</v>
      </c>
      <c r="E108" s="20">
        <v>159</v>
      </c>
      <c r="F108" s="21">
        <v>41</v>
      </c>
      <c r="G108" s="22">
        <v>11</v>
      </c>
    </row>
    <row r="109" spans="2:7" x14ac:dyDescent="0.2">
      <c r="B109" s="29"/>
      <c r="C109" s="7"/>
      <c r="D109" s="23">
        <v>100</v>
      </c>
      <c r="E109" s="24">
        <v>75.400000000000006</v>
      </c>
      <c r="F109" s="25">
        <v>19.399999999999999</v>
      </c>
      <c r="G109" s="26">
        <v>5.2</v>
      </c>
    </row>
    <row r="110" spans="2:7" x14ac:dyDescent="0.2">
      <c r="B110" s="29"/>
      <c r="C110" s="2" t="s">
        <v>14</v>
      </c>
      <c r="D110" s="19">
        <v>12</v>
      </c>
      <c r="E110" s="20">
        <v>9</v>
      </c>
      <c r="F110" s="21">
        <v>3</v>
      </c>
      <c r="G110" s="22" t="s">
        <v>152</v>
      </c>
    </row>
    <row r="111" spans="2:7" x14ac:dyDescent="0.2">
      <c r="B111" s="29"/>
      <c r="C111" s="7"/>
      <c r="D111" s="23">
        <v>100</v>
      </c>
      <c r="E111" s="24">
        <v>75</v>
      </c>
      <c r="F111" s="25">
        <v>25</v>
      </c>
      <c r="G111" s="26" t="s">
        <v>152</v>
      </c>
    </row>
    <row r="112" spans="2:7" x14ac:dyDescent="0.2">
      <c r="B112" s="29"/>
      <c r="C112" s="2" t="s">
        <v>13</v>
      </c>
      <c r="D112" s="19">
        <v>78</v>
      </c>
      <c r="E112" s="20">
        <v>56</v>
      </c>
      <c r="F112" s="21">
        <v>12</v>
      </c>
      <c r="G112" s="22">
        <v>10</v>
      </c>
    </row>
    <row r="113" spans="2:7" x14ac:dyDescent="0.2">
      <c r="B113" s="30"/>
      <c r="C113" s="10"/>
      <c r="D113" s="15">
        <v>100</v>
      </c>
      <c r="E113" s="16">
        <v>71.8</v>
      </c>
      <c r="F113" s="17">
        <v>15.4</v>
      </c>
      <c r="G113" s="18">
        <v>12.8</v>
      </c>
    </row>
    <row r="114" spans="2:7" x14ac:dyDescent="0.2">
      <c r="B114" s="28" t="s">
        <v>31</v>
      </c>
      <c r="C114" s="9" t="s">
        <v>12</v>
      </c>
      <c r="D114" s="11">
        <v>752</v>
      </c>
      <c r="E114" s="12">
        <v>512</v>
      </c>
      <c r="F114" s="13">
        <v>216</v>
      </c>
      <c r="G114" s="14">
        <v>24</v>
      </c>
    </row>
    <row r="115" spans="2:7" x14ac:dyDescent="0.2">
      <c r="B115" s="29"/>
      <c r="C115" s="8"/>
      <c r="D115" s="15">
        <v>100</v>
      </c>
      <c r="E115" s="16">
        <v>68.099999999999994</v>
      </c>
      <c r="F115" s="17">
        <v>28.7</v>
      </c>
      <c r="G115" s="18">
        <v>3.2</v>
      </c>
    </row>
    <row r="116" spans="2:7" x14ac:dyDescent="0.2">
      <c r="B116" s="29"/>
      <c r="C116" s="2" t="s">
        <v>11</v>
      </c>
      <c r="D116" s="19">
        <v>2</v>
      </c>
      <c r="E116" s="20">
        <v>1</v>
      </c>
      <c r="F116" s="21" t="s">
        <v>152</v>
      </c>
      <c r="G116" s="22">
        <v>1</v>
      </c>
    </row>
    <row r="117" spans="2:7" x14ac:dyDescent="0.2">
      <c r="B117" s="29"/>
      <c r="C117" s="7"/>
      <c r="D117" s="23">
        <v>100</v>
      </c>
      <c r="E117" s="24">
        <v>50</v>
      </c>
      <c r="F117" s="25" t="s">
        <v>152</v>
      </c>
      <c r="G117" s="26">
        <v>50</v>
      </c>
    </row>
    <row r="118" spans="2:7" x14ac:dyDescent="0.2">
      <c r="B118" s="29"/>
      <c r="C118" s="2" t="s">
        <v>10</v>
      </c>
      <c r="D118" s="19">
        <v>32</v>
      </c>
      <c r="E118" s="20">
        <v>25</v>
      </c>
      <c r="F118" s="21">
        <v>6</v>
      </c>
      <c r="G118" s="22">
        <v>1</v>
      </c>
    </row>
    <row r="119" spans="2:7" x14ac:dyDescent="0.2">
      <c r="B119" s="29"/>
      <c r="C119" s="7"/>
      <c r="D119" s="23">
        <v>100</v>
      </c>
      <c r="E119" s="24">
        <v>78.099999999999994</v>
      </c>
      <c r="F119" s="25">
        <v>18.8</v>
      </c>
      <c r="G119" s="26">
        <v>3.1</v>
      </c>
    </row>
    <row r="120" spans="2:7" x14ac:dyDescent="0.2">
      <c r="B120" s="29"/>
      <c r="C120" s="2" t="s">
        <v>9</v>
      </c>
      <c r="D120" s="19">
        <v>33</v>
      </c>
      <c r="E120" s="20">
        <v>25</v>
      </c>
      <c r="F120" s="21">
        <v>7</v>
      </c>
      <c r="G120" s="22">
        <v>1</v>
      </c>
    </row>
    <row r="121" spans="2:7" x14ac:dyDescent="0.2">
      <c r="B121" s="29"/>
      <c r="C121" s="7"/>
      <c r="D121" s="23">
        <v>100</v>
      </c>
      <c r="E121" s="24">
        <v>75.8</v>
      </c>
      <c r="F121" s="25">
        <v>21.2</v>
      </c>
      <c r="G121" s="26">
        <v>3</v>
      </c>
    </row>
    <row r="122" spans="2:7" x14ac:dyDescent="0.2">
      <c r="B122" s="29"/>
      <c r="C122" s="2" t="s">
        <v>8</v>
      </c>
      <c r="D122" s="19">
        <v>71</v>
      </c>
      <c r="E122" s="20">
        <v>54</v>
      </c>
      <c r="F122" s="21">
        <v>15</v>
      </c>
      <c r="G122" s="22">
        <v>2</v>
      </c>
    </row>
    <row r="123" spans="2:7" x14ac:dyDescent="0.2">
      <c r="B123" s="29"/>
      <c r="C123" s="7"/>
      <c r="D123" s="23">
        <v>100</v>
      </c>
      <c r="E123" s="24">
        <v>76.099999999999994</v>
      </c>
      <c r="F123" s="25">
        <v>21.1</v>
      </c>
      <c r="G123" s="26">
        <v>2.8</v>
      </c>
    </row>
    <row r="124" spans="2:7" x14ac:dyDescent="0.2">
      <c r="B124" s="29"/>
      <c r="C124" s="2" t="s">
        <v>7</v>
      </c>
      <c r="D124" s="19">
        <v>152</v>
      </c>
      <c r="E124" s="20">
        <v>99</v>
      </c>
      <c r="F124" s="21">
        <v>48</v>
      </c>
      <c r="G124" s="22">
        <v>5</v>
      </c>
    </row>
    <row r="125" spans="2:7" x14ac:dyDescent="0.2">
      <c r="B125" s="29"/>
      <c r="C125" s="7"/>
      <c r="D125" s="23">
        <v>100</v>
      </c>
      <c r="E125" s="24">
        <v>65.099999999999994</v>
      </c>
      <c r="F125" s="25">
        <v>31.6</v>
      </c>
      <c r="G125" s="26">
        <v>3.3</v>
      </c>
    </row>
    <row r="126" spans="2:7" x14ac:dyDescent="0.2">
      <c r="B126" s="29"/>
      <c r="C126" s="2" t="s">
        <v>6</v>
      </c>
      <c r="D126" s="19">
        <v>176</v>
      </c>
      <c r="E126" s="20">
        <v>125</v>
      </c>
      <c r="F126" s="21">
        <v>50</v>
      </c>
      <c r="G126" s="22">
        <v>1</v>
      </c>
    </row>
    <row r="127" spans="2:7" x14ac:dyDescent="0.2">
      <c r="B127" s="29"/>
      <c r="C127" s="7"/>
      <c r="D127" s="23">
        <v>100</v>
      </c>
      <c r="E127" s="24">
        <v>71</v>
      </c>
      <c r="F127" s="25">
        <v>28.4</v>
      </c>
      <c r="G127" s="26">
        <v>0.6</v>
      </c>
    </row>
    <row r="128" spans="2:7" x14ac:dyDescent="0.2">
      <c r="B128" s="29"/>
      <c r="C128" s="2" t="s">
        <v>5</v>
      </c>
      <c r="D128" s="19">
        <v>37</v>
      </c>
      <c r="E128" s="20">
        <v>26</v>
      </c>
      <c r="F128" s="21">
        <v>9</v>
      </c>
      <c r="G128" s="22">
        <v>2</v>
      </c>
    </row>
    <row r="129" spans="2:7" x14ac:dyDescent="0.2">
      <c r="B129" s="29"/>
      <c r="C129" s="7"/>
      <c r="D129" s="23">
        <v>100</v>
      </c>
      <c r="E129" s="24">
        <v>70.3</v>
      </c>
      <c r="F129" s="25">
        <v>24.3</v>
      </c>
      <c r="G129" s="26">
        <v>5.4</v>
      </c>
    </row>
    <row r="130" spans="2:7" x14ac:dyDescent="0.2">
      <c r="B130" s="29"/>
      <c r="C130" s="2" t="s">
        <v>4</v>
      </c>
      <c r="D130" s="19">
        <v>67</v>
      </c>
      <c r="E130" s="20">
        <v>42</v>
      </c>
      <c r="F130" s="21">
        <v>24</v>
      </c>
      <c r="G130" s="22">
        <v>1</v>
      </c>
    </row>
    <row r="131" spans="2:7" x14ac:dyDescent="0.2">
      <c r="B131" s="29"/>
      <c r="C131" s="7"/>
      <c r="D131" s="23">
        <v>100</v>
      </c>
      <c r="E131" s="24">
        <v>62.7</v>
      </c>
      <c r="F131" s="25">
        <v>35.799999999999997</v>
      </c>
      <c r="G131" s="26">
        <v>1.5</v>
      </c>
    </row>
    <row r="132" spans="2:7" x14ac:dyDescent="0.2">
      <c r="B132" s="29"/>
      <c r="C132" s="2" t="s">
        <v>3</v>
      </c>
      <c r="D132" s="19">
        <v>159</v>
      </c>
      <c r="E132" s="20">
        <v>101</v>
      </c>
      <c r="F132" s="21">
        <v>50</v>
      </c>
      <c r="G132" s="22">
        <v>8</v>
      </c>
    </row>
    <row r="133" spans="2:7" x14ac:dyDescent="0.2">
      <c r="B133" s="29"/>
      <c r="C133" s="7"/>
      <c r="D133" s="23">
        <v>100</v>
      </c>
      <c r="E133" s="24">
        <v>63.5</v>
      </c>
      <c r="F133" s="25">
        <v>31.4</v>
      </c>
      <c r="G133" s="26">
        <v>5</v>
      </c>
    </row>
    <row r="134" spans="2:7" x14ac:dyDescent="0.2">
      <c r="B134" s="29"/>
      <c r="C134" s="2" t="s">
        <v>2</v>
      </c>
      <c r="D134" s="19">
        <v>23</v>
      </c>
      <c r="E134" s="20">
        <v>14</v>
      </c>
      <c r="F134" s="21">
        <v>7</v>
      </c>
      <c r="G134" s="22">
        <v>2</v>
      </c>
    </row>
    <row r="135" spans="2:7" x14ac:dyDescent="0.2">
      <c r="B135" s="30"/>
      <c r="C135" s="10"/>
      <c r="D135" s="15">
        <v>100</v>
      </c>
      <c r="E135" s="16">
        <v>60.9</v>
      </c>
      <c r="F135" s="17">
        <v>30.4</v>
      </c>
      <c r="G135" s="18">
        <v>8.699999999999999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53</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831</v>
      </c>
      <c r="F4" s="13">
        <v>367</v>
      </c>
      <c r="G4" s="14">
        <v>43</v>
      </c>
    </row>
    <row r="5" spans="2:7" x14ac:dyDescent="0.2">
      <c r="B5" s="29"/>
      <c r="C5" s="8"/>
      <c r="D5" s="15">
        <v>100</v>
      </c>
      <c r="E5" s="16">
        <v>67</v>
      </c>
      <c r="F5" s="17">
        <v>29.6</v>
      </c>
      <c r="G5" s="18">
        <v>3.5</v>
      </c>
    </row>
    <row r="6" spans="2:7" x14ac:dyDescent="0.2">
      <c r="B6" s="29"/>
      <c r="C6" s="2" t="s">
        <v>52</v>
      </c>
      <c r="D6" s="19">
        <v>557</v>
      </c>
      <c r="E6" s="20">
        <v>377</v>
      </c>
      <c r="F6" s="21">
        <v>162</v>
      </c>
      <c r="G6" s="22">
        <v>18</v>
      </c>
    </row>
    <row r="7" spans="2:7" x14ac:dyDescent="0.2">
      <c r="B7" s="29"/>
      <c r="C7" s="7"/>
      <c r="D7" s="23">
        <v>100</v>
      </c>
      <c r="E7" s="24">
        <v>67.7</v>
      </c>
      <c r="F7" s="25">
        <v>29.1</v>
      </c>
      <c r="G7" s="26">
        <v>3.2</v>
      </c>
    </row>
    <row r="8" spans="2:7" x14ac:dyDescent="0.2">
      <c r="B8" s="29"/>
      <c r="C8" s="2" t="s">
        <v>51</v>
      </c>
      <c r="D8" s="19">
        <v>595</v>
      </c>
      <c r="E8" s="20">
        <v>397</v>
      </c>
      <c r="F8" s="21">
        <v>185</v>
      </c>
      <c r="G8" s="22">
        <v>13</v>
      </c>
    </row>
    <row r="9" spans="2:7" x14ac:dyDescent="0.2">
      <c r="B9" s="29"/>
      <c r="C9" s="7"/>
      <c r="D9" s="23">
        <v>100</v>
      </c>
      <c r="E9" s="24">
        <v>66.7</v>
      </c>
      <c r="F9" s="25">
        <v>31.1</v>
      </c>
      <c r="G9" s="26">
        <v>2.2000000000000002</v>
      </c>
    </row>
    <row r="10" spans="2:7" x14ac:dyDescent="0.2">
      <c r="B10" s="29"/>
      <c r="C10" s="2" t="s">
        <v>13</v>
      </c>
      <c r="D10" s="19">
        <v>89</v>
      </c>
      <c r="E10" s="20">
        <v>57</v>
      </c>
      <c r="F10" s="21">
        <v>20</v>
      </c>
      <c r="G10" s="22">
        <v>12</v>
      </c>
    </row>
    <row r="11" spans="2:7" x14ac:dyDescent="0.2">
      <c r="B11" s="30"/>
      <c r="C11" s="10"/>
      <c r="D11" s="15">
        <v>100</v>
      </c>
      <c r="E11" s="16">
        <v>64</v>
      </c>
      <c r="F11" s="17">
        <v>22.5</v>
      </c>
      <c r="G11" s="18">
        <v>13.5</v>
      </c>
    </row>
    <row r="12" spans="2:7" x14ac:dyDescent="0.2">
      <c r="B12" s="28" t="s">
        <v>54</v>
      </c>
      <c r="C12" s="9" t="s">
        <v>12</v>
      </c>
      <c r="D12" s="11">
        <v>1241</v>
      </c>
      <c r="E12" s="12">
        <v>831</v>
      </c>
      <c r="F12" s="13">
        <v>367</v>
      </c>
      <c r="G12" s="14">
        <v>43</v>
      </c>
    </row>
    <row r="13" spans="2:7" x14ac:dyDescent="0.2">
      <c r="B13" s="29"/>
      <c r="C13" s="8"/>
      <c r="D13" s="15">
        <v>100</v>
      </c>
      <c r="E13" s="16">
        <v>67</v>
      </c>
      <c r="F13" s="17">
        <v>29.6</v>
      </c>
      <c r="G13" s="18">
        <v>3.5</v>
      </c>
    </row>
    <row r="14" spans="2:7" x14ac:dyDescent="0.2">
      <c r="B14" s="29"/>
      <c r="C14" s="2" t="s">
        <v>50</v>
      </c>
      <c r="D14" s="19">
        <v>84</v>
      </c>
      <c r="E14" s="20">
        <v>52</v>
      </c>
      <c r="F14" s="21">
        <v>29</v>
      </c>
      <c r="G14" s="22">
        <v>3</v>
      </c>
    </row>
    <row r="15" spans="2:7" x14ac:dyDescent="0.2">
      <c r="B15" s="29"/>
      <c r="C15" s="7"/>
      <c r="D15" s="23">
        <v>100</v>
      </c>
      <c r="E15" s="24">
        <v>61.9</v>
      </c>
      <c r="F15" s="25">
        <v>34.5</v>
      </c>
      <c r="G15" s="26">
        <v>3.6</v>
      </c>
    </row>
    <row r="16" spans="2:7" x14ac:dyDescent="0.2">
      <c r="B16" s="29"/>
      <c r="C16" s="2" t="s">
        <v>49</v>
      </c>
      <c r="D16" s="19">
        <v>97</v>
      </c>
      <c r="E16" s="20">
        <v>67</v>
      </c>
      <c r="F16" s="21">
        <v>27</v>
      </c>
      <c r="G16" s="22">
        <v>3</v>
      </c>
    </row>
    <row r="17" spans="2:7" x14ac:dyDescent="0.2">
      <c r="B17" s="29"/>
      <c r="C17" s="7"/>
      <c r="D17" s="23">
        <v>100</v>
      </c>
      <c r="E17" s="24">
        <v>69.099999999999994</v>
      </c>
      <c r="F17" s="25">
        <v>27.8</v>
      </c>
      <c r="G17" s="26">
        <v>3.1</v>
      </c>
    </row>
    <row r="18" spans="2:7" x14ac:dyDescent="0.2">
      <c r="B18" s="29"/>
      <c r="C18" s="2" t="s">
        <v>48</v>
      </c>
      <c r="D18" s="19">
        <v>79</v>
      </c>
      <c r="E18" s="20">
        <v>42</v>
      </c>
      <c r="F18" s="21">
        <v>37</v>
      </c>
      <c r="G18" s="22" t="s">
        <v>152</v>
      </c>
    </row>
    <row r="19" spans="2:7" x14ac:dyDescent="0.2">
      <c r="B19" s="29"/>
      <c r="C19" s="7"/>
      <c r="D19" s="23">
        <v>100</v>
      </c>
      <c r="E19" s="24">
        <v>53.2</v>
      </c>
      <c r="F19" s="25">
        <v>46.8</v>
      </c>
      <c r="G19" s="26" t="s">
        <v>152</v>
      </c>
    </row>
    <row r="20" spans="2:7" x14ac:dyDescent="0.2">
      <c r="B20" s="29"/>
      <c r="C20" s="2" t="s">
        <v>47</v>
      </c>
      <c r="D20" s="19">
        <v>72</v>
      </c>
      <c r="E20" s="20">
        <v>41</v>
      </c>
      <c r="F20" s="21">
        <v>30</v>
      </c>
      <c r="G20" s="22">
        <v>1</v>
      </c>
    </row>
    <row r="21" spans="2:7" x14ac:dyDescent="0.2">
      <c r="B21" s="29"/>
      <c r="C21" s="7"/>
      <c r="D21" s="23">
        <v>100</v>
      </c>
      <c r="E21" s="24">
        <v>56.9</v>
      </c>
      <c r="F21" s="25">
        <v>41.7</v>
      </c>
      <c r="G21" s="26">
        <v>1.4</v>
      </c>
    </row>
    <row r="22" spans="2:7" x14ac:dyDescent="0.2">
      <c r="B22" s="29"/>
      <c r="C22" s="2" t="s">
        <v>46</v>
      </c>
      <c r="D22" s="19">
        <v>15</v>
      </c>
      <c r="E22" s="20">
        <v>7</v>
      </c>
      <c r="F22" s="21">
        <v>8</v>
      </c>
      <c r="G22" s="22" t="s">
        <v>152</v>
      </c>
    </row>
    <row r="23" spans="2:7" x14ac:dyDescent="0.2">
      <c r="B23" s="29"/>
      <c r="C23" s="7"/>
      <c r="D23" s="23">
        <v>100</v>
      </c>
      <c r="E23" s="24">
        <v>46.7</v>
      </c>
      <c r="F23" s="25">
        <v>53.3</v>
      </c>
      <c r="G23" s="26" t="s">
        <v>152</v>
      </c>
    </row>
    <row r="24" spans="2:7" x14ac:dyDescent="0.2">
      <c r="B24" s="29"/>
      <c r="C24" s="2" t="s">
        <v>45</v>
      </c>
      <c r="D24" s="19">
        <v>77</v>
      </c>
      <c r="E24" s="20">
        <v>53</v>
      </c>
      <c r="F24" s="21">
        <v>24</v>
      </c>
      <c r="G24" s="22" t="s">
        <v>152</v>
      </c>
    </row>
    <row r="25" spans="2:7" x14ac:dyDescent="0.2">
      <c r="B25" s="29"/>
      <c r="C25" s="7"/>
      <c r="D25" s="23">
        <v>100</v>
      </c>
      <c r="E25" s="24">
        <v>68.8</v>
      </c>
      <c r="F25" s="25">
        <v>31.2</v>
      </c>
      <c r="G25" s="26" t="s">
        <v>152</v>
      </c>
    </row>
    <row r="26" spans="2:7" x14ac:dyDescent="0.2">
      <c r="B26" s="29"/>
      <c r="C26" s="2" t="s">
        <v>44</v>
      </c>
      <c r="D26" s="19">
        <v>260</v>
      </c>
      <c r="E26" s="20">
        <v>181</v>
      </c>
      <c r="F26" s="21">
        <v>70</v>
      </c>
      <c r="G26" s="22">
        <v>9</v>
      </c>
    </row>
    <row r="27" spans="2:7" x14ac:dyDescent="0.2">
      <c r="B27" s="29"/>
      <c r="C27" s="7"/>
      <c r="D27" s="23">
        <v>100</v>
      </c>
      <c r="E27" s="24">
        <v>69.599999999999994</v>
      </c>
      <c r="F27" s="25">
        <v>26.9</v>
      </c>
      <c r="G27" s="26">
        <v>3.5</v>
      </c>
    </row>
    <row r="28" spans="2:7" x14ac:dyDescent="0.2">
      <c r="B28" s="29"/>
      <c r="C28" s="2" t="s">
        <v>43</v>
      </c>
      <c r="D28" s="19">
        <v>334</v>
      </c>
      <c r="E28" s="20">
        <v>223</v>
      </c>
      <c r="F28" s="21">
        <v>97</v>
      </c>
      <c r="G28" s="22">
        <v>14</v>
      </c>
    </row>
    <row r="29" spans="2:7" x14ac:dyDescent="0.2">
      <c r="B29" s="29"/>
      <c r="C29" s="7"/>
      <c r="D29" s="23">
        <v>100</v>
      </c>
      <c r="E29" s="24">
        <v>66.8</v>
      </c>
      <c r="F29" s="25">
        <v>29</v>
      </c>
      <c r="G29" s="26">
        <v>4.2</v>
      </c>
    </row>
    <row r="30" spans="2:7" x14ac:dyDescent="0.2">
      <c r="B30" s="29"/>
      <c r="C30" s="2" t="s">
        <v>14</v>
      </c>
      <c r="D30" s="19">
        <v>28</v>
      </c>
      <c r="E30" s="20">
        <v>15</v>
      </c>
      <c r="F30" s="21">
        <v>10</v>
      </c>
      <c r="G30" s="22">
        <v>3</v>
      </c>
    </row>
    <row r="31" spans="2:7" x14ac:dyDescent="0.2">
      <c r="B31" s="29"/>
      <c r="C31" s="7"/>
      <c r="D31" s="23">
        <v>100</v>
      </c>
      <c r="E31" s="24">
        <v>53.6</v>
      </c>
      <c r="F31" s="25">
        <v>35.700000000000003</v>
      </c>
      <c r="G31" s="26">
        <v>10.7</v>
      </c>
    </row>
    <row r="32" spans="2:7" x14ac:dyDescent="0.2">
      <c r="B32" s="29"/>
      <c r="C32" s="2" t="s">
        <v>42</v>
      </c>
      <c r="D32" s="19">
        <v>390</v>
      </c>
      <c r="E32" s="20">
        <v>275</v>
      </c>
      <c r="F32" s="21">
        <v>107</v>
      </c>
      <c r="G32" s="22">
        <v>8</v>
      </c>
    </row>
    <row r="33" spans="2:7" x14ac:dyDescent="0.2">
      <c r="B33" s="29"/>
      <c r="C33" s="7"/>
      <c r="D33" s="23">
        <v>100</v>
      </c>
      <c r="E33" s="24">
        <v>70.5</v>
      </c>
      <c r="F33" s="25">
        <v>27.4</v>
      </c>
      <c r="G33" s="26">
        <v>2.1</v>
      </c>
    </row>
    <row r="34" spans="2:7" x14ac:dyDescent="0.2">
      <c r="B34" s="29"/>
      <c r="C34" s="2" t="s">
        <v>13</v>
      </c>
      <c r="D34" s="19">
        <v>70</v>
      </c>
      <c r="E34" s="20">
        <v>42</v>
      </c>
      <c r="F34" s="21">
        <v>19</v>
      </c>
      <c r="G34" s="22">
        <v>9</v>
      </c>
    </row>
    <row r="35" spans="2:7" x14ac:dyDescent="0.2">
      <c r="B35" s="30"/>
      <c r="C35" s="10"/>
      <c r="D35" s="15">
        <v>100</v>
      </c>
      <c r="E35" s="16">
        <v>60</v>
      </c>
      <c r="F35" s="17">
        <v>27.1</v>
      </c>
      <c r="G35" s="18">
        <v>12.9</v>
      </c>
    </row>
    <row r="36" spans="2:7" x14ac:dyDescent="0.2">
      <c r="B36" s="28" t="s">
        <v>53</v>
      </c>
      <c r="C36" s="9" t="s">
        <v>12</v>
      </c>
      <c r="D36" s="11">
        <v>1241</v>
      </c>
      <c r="E36" s="12">
        <v>831</v>
      </c>
      <c r="F36" s="13">
        <v>367</v>
      </c>
      <c r="G36" s="14">
        <v>43</v>
      </c>
    </row>
    <row r="37" spans="2:7" x14ac:dyDescent="0.2">
      <c r="B37" s="29"/>
      <c r="C37" s="8"/>
      <c r="D37" s="15">
        <v>100</v>
      </c>
      <c r="E37" s="16">
        <v>67</v>
      </c>
      <c r="F37" s="17">
        <v>29.6</v>
      </c>
      <c r="G37" s="18">
        <v>3.5</v>
      </c>
    </row>
    <row r="38" spans="2:7" x14ac:dyDescent="0.2">
      <c r="B38" s="29"/>
      <c r="C38" s="2" t="s">
        <v>41</v>
      </c>
      <c r="D38" s="19">
        <v>799</v>
      </c>
      <c r="E38" s="20">
        <v>562</v>
      </c>
      <c r="F38" s="21">
        <v>225</v>
      </c>
      <c r="G38" s="22">
        <v>12</v>
      </c>
    </row>
    <row r="39" spans="2:7" x14ac:dyDescent="0.2">
      <c r="B39" s="29"/>
      <c r="C39" s="7"/>
      <c r="D39" s="23">
        <v>100</v>
      </c>
      <c r="E39" s="24">
        <v>70.3</v>
      </c>
      <c r="F39" s="25">
        <v>28.2</v>
      </c>
      <c r="G39" s="26">
        <v>1.5</v>
      </c>
    </row>
    <row r="40" spans="2:7" x14ac:dyDescent="0.2">
      <c r="B40" s="29"/>
      <c r="C40" s="2" t="s">
        <v>40</v>
      </c>
      <c r="D40" s="19">
        <v>182</v>
      </c>
      <c r="E40" s="20">
        <v>116</v>
      </c>
      <c r="F40" s="21">
        <v>59</v>
      </c>
      <c r="G40" s="22">
        <v>7</v>
      </c>
    </row>
    <row r="41" spans="2:7" x14ac:dyDescent="0.2">
      <c r="B41" s="29"/>
      <c r="C41" s="7"/>
      <c r="D41" s="23">
        <v>100</v>
      </c>
      <c r="E41" s="24">
        <v>63.7</v>
      </c>
      <c r="F41" s="25">
        <v>32.4</v>
      </c>
      <c r="G41" s="26">
        <v>3.8</v>
      </c>
    </row>
    <row r="42" spans="2:7" x14ac:dyDescent="0.2">
      <c r="B42" s="29"/>
      <c r="C42" s="2" t="s">
        <v>39</v>
      </c>
      <c r="D42" s="19">
        <v>72</v>
      </c>
      <c r="E42" s="20">
        <v>46</v>
      </c>
      <c r="F42" s="21">
        <v>24</v>
      </c>
      <c r="G42" s="22">
        <v>2</v>
      </c>
    </row>
    <row r="43" spans="2:7" x14ac:dyDescent="0.2">
      <c r="B43" s="29"/>
      <c r="C43" s="7"/>
      <c r="D43" s="23">
        <v>100</v>
      </c>
      <c r="E43" s="24">
        <v>63.9</v>
      </c>
      <c r="F43" s="25">
        <v>33.299999999999997</v>
      </c>
      <c r="G43" s="26">
        <v>2.8</v>
      </c>
    </row>
    <row r="44" spans="2:7" x14ac:dyDescent="0.2">
      <c r="B44" s="29"/>
      <c r="C44" s="2" t="s">
        <v>38</v>
      </c>
      <c r="D44" s="19">
        <v>127</v>
      </c>
      <c r="E44" s="20">
        <v>72</v>
      </c>
      <c r="F44" s="21">
        <v>42</v>
      </c>
      <c r="G44" s="22">
        <v>13</v>
      </c>
    </row>
    <row r="45" spans="2:7" x14ac:dyDescent="0.2">
      <c r="B45" s="29"/>
      <c r="C45" s="7"/>
      <c r="D45" s="23">
        <v>100</v>
      </c>
      <c r="E45" s="24">
        <v>56.7</v>
      </c>
      <c r="F45" s="25">
        <v>33.1</v>
      </c>
      <c r="G45" s="26">
        <v>10.199999999999999</v>
      </c>
    </row>
    <row r="46" spans="2:7" x14ac:dyDescent="0.2">
      <c r="B46" s="29"/>
      <c r="C46" s="2" t="s">
        <v>13</v>
      </c>
      <c r="D46" s="19">
        <v>61</v>
      </c>
      <c r="E46" s="20">
        <v>35</v>
      </c>
      <c r="F46" s="21">
        <v>17</v>
      </c>
      <c r="G46" s="22">
        <v>9</v>
      </c>
    </row>
    <row r="47" spans="2:7" x14ac:dyDescent="0.2">
      <c r="B47" s="30"/>
      <c r="C47" s="10"/>
      <c r="D47" s="15">
        <v>100</v>
      </c>
      <c r="E47" s="16">
        <v>57.4</v>
      </c>
      <c r="F47" s="17">
        <v>27.9</v>
      </c>
      <c r="G47" s="18">
        <v>14.8</v>
      </c>
    </row>
  </sheetData>
  <mergeCells count="3">
    <mergeCell ref="B36:B47"/>
    <mergeCell ref="B12:B35"/>
    <mergeCell ref="B4:B11"/>
  </mergeCells>
  <phoneticPr fontId="2"/>
  <pageMargins left="0.7" right="0.7" top="0.75" bottom="0.75" header="0.3" footer="0.3"/>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76</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874</v>
      </c>
      <c r="F4" s="13">
        <v>311</v>
      </c>
      <c r="G4" s="14">
        <v>56</v>
      </c>
    </row>
    <row r="5" spans="2:7" x14ac:dyDescent="0.2">
      <c r="B5" s="29"/>
      <c r="C5" s="8"/>
      <c r="D5" s="15">
        <v>100</v>
      </c>
      <c r="E5" s="16">
        <v>70.400000000000006</v>
      </c>
      <c r="F5" s="17">
        <v>25.1</v>
      </c>
      <c r="G5" s="18">
        <v>4.5</v>
      </c>
    </row>
    <row r="6" spans="2:7" x14ac:dyDescent="0.2">
      <c r="B6" s="29"/>
      <c r="C6" s="2" t="s">
        <v>52</v>
      </c>
      <c r="D6" s="19">
        <v>557</v>
      </c>
      <c r="E6" s="20">
        <v>415</v>
      </c>
      <c r="F6" s="21">
        <v>116</v>
      </c>
      <c r="G6" s="22">
        <v>26</v>
      </c>
    </row>
    <row r="7" spans="2:7" x14ac:dyDescent="0.2">
      <c r="B7" s="29"/>
      <c r="C7" s="7"/>
      <c r="D7" s="23">
        <v>100</v>
      </c>
      <c r="E7" s="24">
        <v>74.5</v>
      </c>
      <c r="F7" s="25">
        <v>20.8</v>
      </c>
      <c r="G7" s="26">
        <v>4.7</v>
      </c>
    </row>
    <row r="8" spans="2:7" x14ac:dyDescent="0.2">
      <c r="B8" s="29"/>
      <c r="C8" s="2" t="s">
        <v>51</v>
      </c>
      <c r="D8" s="19">
        <v>595</v>
      </c>
      <c r="E8" s="20">
        <v>399</v>
      </c>
      <c r="F8" s="21">
        <v>179</v>
      </c>
      <c r="G8" s="22">
        <v>17</v>
      </c>
    </row>
    <row r="9" spans="2:7" x14ac:dyDescent="0.2">
      <c r="B9" s="29"/>
      <c r="C9" s="7"/>
      <c r="D9" s="23">
        <v>100</v>
      </c>
      <c r="E9" s="24">
        <v>67.099999999999994</v>
      </c>
      <c r="F9" s="25">
        <v>30.1</v>
      </c>
      <c r="G9" s="26">
        <v>2.9</v>
      </c>
    </row>
    <row r="10" spans="2:7" x14ac:dyDescent="0.2">
      <c r="B10" s="29"/>
      <c r="C10" s="2" t="s">
        <v>13</v>
      </c>
      <c r="D10" s="19">
        <v>89</v>
      </c>
      <c r="E10" s="20">
        <v>60</v>
      </c>
      <c r="F10" s="21">
        <v>16</v>
      </c>
      <c r="G10" s="22">
        <v>13</v>
      </c>
    </row>
    <row r="11" spans="2:7" x14ac:dyDescent="0.2">
      <c r="B11" s="30"/>
      <c r="C11" s="10"/>
      <c r="D11" s="15">
        <v>100</v>
      </c>
      <c r="E11" s="16">
        <v>67.400000000000006</v>
      </c>
      <c r="F11" s="17">
        <v>18</v>
      </c>
      <c r="G11" s="18">
        <v>14.6</v>
      </c>
    </row>
    <row r="12" spans="2:7" x14ac:dyDescent="0.2">
      <c r="B12" s="28" t="s">
        <v>54</v>
      </c>
      <c r="C12" s="9" t="s">
        <v>12</v>
      </c>
      <c r="D12" s="11">
        <v>1241</v>
      </c>
      <c r="E12" s="12">
        <v>874</v>
      </c>
      <c r="F12" s="13">
        <v>311</v>
      </c>
      <c r="G12" s="14">
        <v>56</v>
      </c>
    </row>
    <row r="13" spans="2:7" x14ac:dyDescent="0.2">
      <c r="B13" s="29"/>
      <c r="C13" s="8"/>
      <c r="D13" s="15">
        <v>100</v>
      </c>
      <c r="E13" s="16">
        <v>70.400000000000006</v>
      </c>
      <c r="F13" s="17">
        <v>25.1</v>
      </c>
      <c r="G13" s="18">
        <v>4.5</v>
      </c>
    </row>
    <row r="14" spans="2:7" x14ac:dyDescent="0.2">
      <c r="B14" s="29"/>
      <c r="C14" s="2" t="s">
        <v>50</v>
      </c>
      <c r="D14" s="19">
        <v>84</v>
      </c>
      <c r="E14" s="20">
        <v>57</v>
      </c>
      <c r="F14" s="21">
        <v>24</v>
      </c>
      <c r="G14" s="22">
        <v>3</v>
      </c>
    </row>
    <row r="15" spans="2:7" x14ac:dyDescent="0.2">
      <c r="B15" s="29"/>
      <c r="C15" s="7"/>
      <c r="D15" s="23">
        <v>100</v>
      </c>
      <c r="E15" s="24">
        <v>67.900000000000006</v>
      </c>
      <c r="F15" s="25">
        <v>28.6</v>
      </c>
      <c r="G15" s="26">
        <v>3.6</v>
      </c>
    </row>
    <row r="16" spans="2:7" x14ac:dyDescent="0.2">
      <c r="B16" s="29"/>
      <c r="C16" s="2" t="s">
        <v>49</v>
      </c>
      <c r="D16" s="19">
        <v>97</v>
      </c>
      <c r="E16" s="20">
        <v>70</v>
      </c>
      <c r="F16" s="21">
        <v>23</v>
      </c>
      <c r="G16" s="22">
        <v>4</v>
      </c>
    </row>
    <row r="17" spans="2:7" x14ac:dyDescent="0.2">
      <c r="B17" s="29"/>
      <c r="C17" s="7"/>
      <c r="D17" s="23">
        <v>100</v>
      </c>
      <c r="E17" s="24">
        <v>72.2</v>
      </c>
      <c r="F17" s="25">
        <v>23.7</v>
      </c>
      <c r="G17" s="26">
        <v>4.0999999999999996</v>
      </c>
    </row>
    <row r="18" spans="2:7" x14ac:dyDescent="0.2">
      <c r="B18" s="29"/>
      <c r="C18" s="2" t="s">
        <v>48</v>
      </c>
      <c r="D18" s="19">
        <v>79</v>
      </c>
      <c r="E18" s="20">
        <v>54</v>
      </c>
      <c r="F18" s="21">
        <v>24</v>
      </c>
      <c r="G18" s="22">
        <v>1</v>
      </c>
    </row>
    <row r="19" spans="2:7" x14ac:dyDescent="0.2">
      <c r="B19" s="29"/>
      <c r="C19" s="7"/>
      <c r="D19" s="23">
        <v>100</v>
      </c>
      <c r="E19" s="24">
        <v>68.400000000000006</v>
      </c>
      <c r="F19" s="25">
        <v>30.4</v>
      </c>
      <c r="G19" s="26">
        <v>1.3</v>
      </c>
    </row>
    <row r="20" spans="2:7" x14ac:dyDescent="0.2">
      <c r="B20" s="29"/>
      <c r="C20" s="2" t="s">
        <v>47</v>
      </c>
      <c r="D20" s="19">
        <v>72</v>
      </c>
      <c r="E20" s="20">
        <v>46</v>
      </c>
      <c r="F20" s="21">
        <v>25</v>
      </c>
      <c r="G20" s="22">
        <v>1</v>
      </c>
    </row>
    <row r="21" spans="2:7" x14ac:dyDescent="0.2">
      <c r="B21" s="29"/>
      <c r="C21" s="7"/>
      <c r="D21" s="23">
        <v>100</v>
      </c>
      <c r="E21" s="24">
        <v>63.9</v>
      </c>
      <c r="F21" s="25">
        <v>34.700000000000003</v>
      </c>
      <c r="G21" s="26">
        <v>1.4</v>
      </c>
    </row>
    <row r="22" spans="2:7" x14ac:dyDescent="0.2">
      <c r="B22" s="29"/>
      <c r="C22" s="2" t="s">
        <v>46</v>
      </c>
      <c r="D22" s="19">
        <v>15</v>
      </c>
      <c r="E22" s="20">
        <v>8</v>
      </c>
      <c r="F22" s="21">
        <v>6</v>
      </c>
      <c r="G22" s="22">
        <v>1</v>
      </c>
    </row>
    <row r="23" spans="2:7" x14ac:dyDescent="0.2">
      <c r="B23" s="29"/>
      <c r="C23" s="7"/>
      <c r="D23" s="23">
        <v>100</v>
      </c>
      <c r="E23" s="24">
        <v>53.3</v>
      </c>
      <c r="F23" s="25">
        <v>40</v>
      </c>
      <c r="G23" s="26">
        <v>6.7</v>
      </c>
    </row>
    <row r="24" spans="2:7" x14ac:dyDescent="0.2">
      <c r="B24" s="29"/>
      <c r="C24" s="2" t="s">
        <v>45</v>
      </c>
      <c r="D24" s="19">
        <v>77</v>
      </c>
      <c r="E24" s="20">
        <v>49</v>
      </c>
      <c r="F24" s="21">
        <v>25</v>
      </c>
      <c r="G24" s="22">
        <v>3</v>
      </c>
    </row>
    <row r="25" spans="2:7" x14ac:dyDescent="0.2">
      <c r="B25" s="29"/>
      <c r="C25" s="7"/>
      <c r="D25" s="23">
        <v>100</v>
      </c>
      <c r="E25" s="24">
        <v>63.6</v>
      </c>
      <c r="F25" s="25">
        <v>32.5</v>
      </c>
      <c r="G25" s="26">
        <v>3.9</v>
      </c>
    </row>
    <row r="26" spans="2:7" x14ac:dyDescent="0.2">
      <c r="B26" s="29"/>
      <c r="C26" s="2" t="s">
        <v>44</v>
      </c>
      <c r="D26" s="19">
        <v>260</v>
      </c>
      <c r="E26" s="20">
        <v>182</v>
      </c>
      <c r="F26" s="21">
        <v>65</v>
      </c>
      <c r="G26" s="22">
        <v>13</v>
      </c>
    </row>
    <row r="27" spans="2:7" x14ac:dyDescent="0.2">
      <c r="B27" s="29"/>
      <c r="C27" s="7"/>
      <c r="D27" s="23">
        <v>100</v>
      </c>
      <c r="E27" s="24">
        <v>70</v>
      </c>
      <c r="F27" s="25">
        <v>25</v>
      </c>
      <c r="G27" s="26">
        <v>5</v>
      </c>
    </row>
    <row r="28" spans="2:7" x14ac:dyDescent="0.2">
      <c r="B28" s="29"/>
      <c r="C28" s="2" t="s">
        <v>43</v>
      </c>
      <c r="D28" s="19">
        <v>334</v>
      </c>
      <c r="E28" s="20">
        <v>256</v>
      </c>
      <c r="F28" s="21">
        <v>61</v>
      </c>
      <c r="G28" s="22">
        <v>17</v>
      </c>
    </row>
    <row r="29" spans="2:7" x14ac:dyDescent="0.2">
      <c r="B29" s="29"/>
      <c r="C29" s="7"/>
      <c r="D29" s="23">
        <v>100</v>
      </c>
      <c r="E29" s="24">
        <v>76.599999999999994</v>
      </c>
      <c r="F29" s="25">
        <v>18.3</v>
      </c>
      <c r="G29" s="26">
        <v>5.0999999999999996</v>
      </c>
    </row>
    <row r="30" spans="2:7" x14ac:dyDescent="0.2">
      <c r="B30" s="29"/>
      <c r="C30" s="2" t="s">
        <v>14</v>
      </c>
      <c r="D30" s="19">
        <v>28</v>
      </c>
      <c r="E30" s="20">
        <v>15</v>
      </c>
      <c r="F30" s="21">
        <v>9</v>
      </c>
      <c r="G30" s="22">
        <v>4</v>
      </c>
    </row>
    <row r="31" spans="2:7" x14ac:dyDescent="0.2">
      <c r="B31" s="29"/>
      <c r="C31" s="7"/>
      <c r="D31" s="23">
        <v>100</v>
      </c>
      <c r="E31" s="24">
        <v>53.6</v>
      </c>
      <c r="F31" s="25">
        <v>32.1</v>
      </c>
      <c r="G31" s="26">
        <v>14.3</v>
      </c>
    </row>
    <row r="32" spans="2:7" x14ac:dyDescent="0.2">
      <c r="B32" s="29"/>
      <c r="C32" s="2" t="s">
        <v>42</v>
      </c>
      <c r="D32" s="19">
        <v>390</v>
      </c>
      <c r="E32" s="20">
        <v>269</v>
      </c>
      <c r="F32" s="21">
        <v>112</v>
      </c>
      <c r="G32" s="22">
        <v>9</v>
      </c>
    </row>
    <row r="33" spans="2:7" x14ac:dyDescent="0.2">
      <c r="B33" s="29"/>
      <c r="C33" s="7"/>
      <c r="D33" s="23">
        <v>100</v>
      </c>
      <c r="E33" s="24">
        <v>69</v>
      </c>
      <c r="F33" s="25">
        <v>28.7</v>
      </c>
      <c r="G33" s="26">
        <v>2.2999999999999998</v>
      </c>
    </row>
    <row r="34" spans="2:7" x14ac:dyDescent="0.2">
      <c r="B34" s="29"/>
      <c r="C34" s="2" t="s">
        <v>13</v>
      </c>
      <c r="D34" s="19">
        <v>70</v>
      </c>
      <c r="E34" s="20">
        <v>49</v>
      </c>
      <c r="F34" s="21">
        <v>11</v>
      </c>
      <c r="G34" s="22">
        <v>10</v>
      </c>
    </row>
    <row r="35" spans="2:7" x14ac:dyDescent="0.2">
      <c r="B35" s="30"/>
      <c r="C35" s="10"/>
      <c r="D35" s="15">
        <v>100</v>
      </c>
      <c r="E35" s="16">
        <v>70</v>
      </c>
      <c r="F35" s="17">
        <v>15.7</v>
      </c>
      <c r="G35" s="18">
        <v>14.3</v>
      </c>
    </row>
    <row r="36" spans="2:7" x14ac:dyDescent="0.2">
      <c r="B36" s="28" t="s">
        <v>53</v>
      </c>
      <c r="C36" s="9" t="s">
        <v>12</v>
      </c>
      <c r="D36" s="11">
        <v>1241</v>
      </c>
      <c r="E36" s="12">
        <v>874</v>
      </c>
      <c r="F36" s="13">
        <v>311</v>
      </c>
      <c r="G36" s="14">
        <v>56</v>
      </c>
    </row>
    <row r="37" spans="2:7" x14ac:dyDescent="0.2">
      <c r="B37" s="29"/>
      <c r="C37" s="8"/>
      <c r="D37" s="15">
        <v>100</v>
      </c>
      <c r="E37" s="16">
        <v>70.400000000000006</v>
      </c>
      <c r="F37" s="17">
        <v>25.1</v>
      </c>
      <c r="G37" s="18">
        <v>4.5</v>
      </c>
    </row>
    <row r="38" spans="2:7" x14ac:dyDescent="0.2">
      <c r="B38" s="29"/>
      <c r="C38" s="2" t="s">
        <v>41</v>
      </c>
      <c r="D38" s="19">
        <v>799</v>
      </c>
      <c r="E38" s="20">
        <v>567</v>
      </c>
      <c r="F38" s="21">
        <v>213</v>
      </c>
      <c r="G38" s="22">
        <v>19</v>
      </c>
    </row>
    <row r="39" spans="2:7" x14ac:dyDescent="0.2">
      <c r="B39" s="29"/>
      <c r="C39" s="7"/>
      <c r="D39" s="23">
        <v>100</v>
      </c>
      <c r="E39" s="24">
        <v>71</v>
      </c>
      <c r="F39" s="25">
        <v>26.7</v>
      </c>
      <c r="G39" s="26">
        <v>2.4</v>
      </c>
    </row>
    <row r="40" spans="2:7" x14ac:dyDescent="0.2">
      <c r="B40" s="29"/>
      <c r="C40" s="2" t="s">
        <v>40</v>
      </c>
      <c r="D40" s="19">
        <v>182</v>
      </c>
      <c r="E40" s="20">
        <v>126</v>
      </c>
      <c r="F40" s="21">
        <v>48</v>
      </c>
      <c r="G40" s="22">
        <v>8</v>
      </c>
    </row>
    <row r="41" spans="2:7" x14ac:dyDescent="0.2">
      <c r="B41" s="29"/>
      <c r="C41" s="7"/>
      <c r="D41" s="23">
        <v>100</v>
      </c>
      <c r="E41" s="24">
        <v>69.2</v>
      </c>
      <c r="F41" s="25">
        <v>26.4</v>
      </c>
      <c r="G41" s="26">
        <v>4.4000000000000004</v>
      </c>
    </row>
    <row r="42" spans="2:7" x14ac:dyDescent="0.2">
      <c r="B42" s="29"/>
      <c r="C42" s="2" t="s">
        <v>39</v>
      </c>
      <c r="D42" s="19">
        <v>72</v>
      </c>
      <c r="E42" s="20">
        <v>51</v>
      </c>
      <c r="F42" s="21">
        <v>20</v>
      </c>
      <c r="G42" s="22">
        <v>1</v>
      </c>
    </row>
    <row r="43" spans="2:7" x14ac:dyDescent="0.2">
      <c r="B43" s="29"/>
      <c r="C43" s="7"/>
      <c r="D43" s="23">
        <v>100</v>
      </c>
      <c r="E43" s="24">
        <v>70.8</v>
      </c>
      <c r="F43" s="25">
        <v>27.8</v>
      </c>
      <c r="G43" s="26">
        <v>1.4</v>
      </c>
    </row>
    <row r="44" spans="2:7" x14ac:dyDescent="0.2">
      <c r="B44" s="29"/>
      <c r="C44" s="2" t="s">
        <v>38</v>
      </c>
      <c r="D44" s="19">
        <v>127</v>
      </c>
      <c r="E44" s="20">
        <v>89</v>
      </c>
      <c r="F44" s="21">
        <v>20</v>
      </c>
      <c r="G44" s="22">
        <v>18</v>
      </c>
    </row>
    <row r="45" spans="2:7" x14ac:dyDescent="0.2">
      <c r="B45" s="29"/>
      <c r="C45" s="7"/>
      <c r="D45" s="23">
        <v>100</v>
      </c>
      <c r="E45" s="24">
        <v>70.099999999999994</v>
      </c>
      <c r="F45" s="25">
        <v>15.7</v>
      </c>
      <c r="G45" s="26">
        <v>14.2</v>
      </c>
    </row>
    <row r="46" spans="2:7" x14ac:dyDescent="0.2">
      <c r="B46" s="29"/>
      <c r="C46" s="2" t="s">
        <v>13</v>
      </c>
      <c r="D46" s="19">
        <v>61</v>
      </c>
      <c r="E46" s="20">
        <v>41</v>
      </c>
      <c r="F46" s="21">
        <v>10</v>
      </c>
      <c r="G46" s="22">
        <v>10</v>
      </c>
    </row>
    <row r="47" spans="2:7" x14ac:dyDescent="0.2">
      <c r="B47" s="30"/>
      <c r="C47" s="10"/>
      <c r="D47" s="15">
        <v>100</v>
      </c>
      <c r="E47" s="16">
        <v>67.2</v>
      </c>
      <c r="F47" s="17">
        <v>16.399999999999999</v>
      </c>
      <c r="G47" s="18">
        <v>16.399999999999999</v>
      </c>
    </row>
  </sheetData>
  <mergeCells count="3">
    <mergeCell ref="B4:B11"/>
    <mergeCell ref="B12:B35"/>
    <mergeCell ref="B36:B47"/>
  </mergeCells>
  <phoneticPr fontId="2"/>
  <pageMargins left="0.7" right="0.7" top="0.75" bottom="0.75" header="0.3" footer="0.3"/>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75</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262</v>
      </c>
      <c r="F4" s="13">
        <v>917</v>
      </c>
      <c r="G4" s="14">
        <v>62</v>
      </c>
    </row>
    <row r="5" spans="2:7" x14ac:dyDescent="0.2">
      <c r="B5" s="29"/>
      <c r="C5" s="8"/>
      <c r="D5" s="15">
        <v>100</v>
      </c>
      <c r="E5" s="16">
        <v>21.1</v>
      </c>
      <c r="F5" s="17">
        <v>73.900000000000006</v>
      </c>
      <c r="G5" s="18">
        <v>5</v>
      </c>
    </row>
    <row r="6" spans="2:7" x14ac:dyDescent="0.2">
      <c r="B6" s="29"/>
      <c r="C6" s="2" t="s">
        <v>30</v>
      </c>
      <c r="D6" s="19">
        <v>499</v>
      </c>
      <c r="E6" s="20">
        <v>116</v>
      </c>
      <c r="F6" s="21">
        <v>362</v>
      </c>
      <c r="G6" s="22">
        <v>21</v>
      </c>
    </row>
    <row r="7" spans="2:7" x14ac:dyDescent="0.2">
      <c r="B7" s="29"/>
      <c r="C7" s="7"/>
      <c r="D7" s="23">
        <v>100</v>
      </c>
      <c r="E7" s="24">
        <v>23.2</v>
      </c>
      <c r="F7" s="25">
        <v>72.5</v>
      </c>
      <c r="G7" s="26">
        <v>4.2</v>
      </c>
    </row>
    <row r="8" spans="2:7" x14ac:dyDescent="0.2">
      <c r="B8" s="29"/>
      <c r="C8" s="2" t="s">
        <v>29</v>
      </c>
      <c r="D8" s="19">
        <v>150</v>
      </c>
      <c r="E8" s="20">
        <v>34</v>
      </c>
      <c r="F8" s="21">
        <v>110</v>
      </c>
      <c r="G8" s="22">
        <v>6</v>
      </c>
    </row>
    <row r="9" spans="2:7" x14ac:dyDescent="0.2">
      <c r="B9" s="29"/>
      <c r="C9" s="7"/>
      <c r="D9" s="23">
        <v>100</v>
      </c>
      <c r="E9" s="24">
        <v>22.7</v>
      </c>
      <c r="F9" s="25">
        <v>73.3</v>
      </c>
      <c r="G9" s="26">
        <v>4</v>
      </c>
    </row>
    <row r="10" spans="2:7" x14ac:dyDescent="0.2">
      <c r="B10" s="29"/>
      <c r="C10" s="2" t="s">
        <v>28</v>
      </c>
      <c r="D10" s="19">
        <v>82</v>
      </c>
      <c r="E10" s="20">
        <v>15</v>
      </c>
      <c r="F10" s="21">
        <v>62</v>
      </c>
      <c r="G10" s="22">
        <v>5</v>
      </c>
    </row>
    <row r="11" spans="2:7" x14ac:dyDescent="0.2">
      <c r="B11" s="29"/>
      <c r="C11" s="7"/>
      <c r="D11" s="23">
        <v>100</v>
      </c>
      <c r="E11" s="24">
        <v>18.3</v>
      </c>
      <c r="F11" s="25">
        <v>75.599999999999994</v>
      </c>
      <c r="G11" s="26">
        <v>6.1</v>
      </c>
    </row>
    <row r="12" spans="2:7" x14ac:dyDescent="0.2">
      <c r="B12" s="29"/>
      <c r="C12" s="2" t="s">
        <v>27</v>
      </c>
      <c r="D12" s="19">
        <v>92</v>
      </c>
      <c r="E12" s="20">
        <v>13</v>
      </c>
      <c r="F12" s="21">
        <v>72</v>
      </c>
      <c r="G12" s="22">
        <v>7</v>
      </c>
    </row>
    <row r="13" spans="2:7" x14ac:dyDescent="0.2">
      <c r="B13" s="29"/>
      <c r="C13" s="7"/>
      <c r="D13" s="23">
        <v>100</v>
      </c>
      <c r="E13" s="24">
        <v>14.1</v>
      </c>
      <c r="F13" s="25">
        <v>78.3</v>
      </c>
      <c r="G13" s="26">
        <v>7.6</v>
      </c>
    </row>
    <row r="14" spans="2:7" x14ac:dyDescent="0.2">
      <c r="B14" s="29"/>
      <c r="C14" s="2" t="s">
        <v>26</v>
      </c>
      <c r="D14" s="19">
        <v>112</v>
      </c>
      <c r="E14" s="20">
        <v>23</v>
      </c>
      <c r="F14" s="21">
        <v>83</v>
      </c>
      <c r="G14" s="22">
        <v>6</v>
      </c>
    </row>
    <row r="15" spans="2:7" x14ac:dyDescent="0.2">
      <c r="B15" s="29"/>
      <c r="C15" s="7"/>
      <c r="D15" s="23">
        <v>100</v>
      </c>
      <c r="E15" s="24">
        <v>20.5</v>
      </c>
      <c r="F15" s="25">
        <v>74.099999999999994</v>
      </c>
      <c r="G15" s="26">
        <v>5.4</v>
      </c>
    </row>
    <row r="16" spans="2:7" x14ac:dyDescent="0.2">
      <c r="B16" s="29"/>
      <c r="C16" s="2" t="s">
        <v>25</v>
      </c>
      <c r="D16" s="19">
        <v>188</v>
      </c>
      <c r="E16" s="20">
        <v>39</v>
      </c>
      <c r="F16" s="21">
        <v>141</v>
      </c>
      <c r="G16" s="22">
        <v>8</v>
      </c>
    </row>
    <row r="17" spans="2:7" x14ac:dyDescent="0.2">
      <c r="B17" s="29"/>
      <c r="C17" s="7"/>
      <c r="D17" s="23">
        <v>100</v>
      </c>
      <c r="E17" s="24">
        <v>20.7</v>
      </c>
      <c r="F17" s="25">
        <v>75</v>
      </c>
      <c r="G17" s="26">
        <v>4.3</v>
      </c>
    </row>
    <row r="18" spans="2:7" x14ac:dyDescent="0.2">
      <c r="B18" s="29"/>
      <c r="C18" s="2" t="s">
        <v>24</v>
      </c>
      <c r="D18" s="19">
        <v>60</v>
      </c>
      <c r="E18" s="20">
        <v>11</v>
      </c>
      <c r="F18" s="21">
        <v>48</v>
      </c>
      <c r="G18" s="22">
        <v>1</v>
      </c>
    </row>
    <row r="19" spans="2:7" x14ac:dyDescent="0.2">
      <c r="B19" s="29"/>
      <c r="C19" s="7"/>
      <c r="D19" s="23">
        <v>100</v>
      </c>
      <c r="E19" s="24">
        <v>18.3</v>
      </c>
      <c r="F19" s="25">
        <v>80</v>
      </c>
      <c r="G19" s="26">
        <v>1.7</v>
      </c>
    </row>
    <row r="20" spans="2:7" x14ac:dyDescent="0.2">
      <c r="B20" s="29"/>
      <c r="C20" s="2" t="s">
        <v>13</v>
      </c>
      <c r="D20" s="19">
        <v>58</v>
      </c>
      <c r="E20" s="20">
        <v>11</v>
      </c>
      <c r="F20" s="21">
        <v>39</v>
      </c>
      <c r="G20" s="22">
        <v>8</v>
      </c>
    </row>
    <row r="21" spans="2:7" x14ac:dyDescent="0.2">
      <c r="B21" s="30"/>
      <c r="C21" s="10"/>
      <c r="D21" s="15">
        <v>100</v>
      </c>
      <c r="E21" s="16">
        <v>19</v>
      </c>
      <c r="F21" s="17">
        <v>67.2</v>
      </c>
      <c r="G21" s="18">
        <v>13.8</v>
      </c>
    </row>
    <row r="22" spans="2:7" x14ac:dyDescent="0.2">
      <c r="B22" s="28" t="s">
        <v>35</v>
      </c>
      <c r="C22" s="9" t="s">
        <v>12</v>
      </c>
      <c r="D22" s="11">
        <v>1241</v>
      </c>
      <c r="E22" s="12">
        <v>262</v>
      </c>
      <c r="F22" s="13">
        <v>917</v>
      </c>
      <c r="G22" s="14">
        <v>62</v>
      </c>
    </row>
    <row r="23" spans="2:7" x14ac:dyDescent="0.2">
      <c r="B23" s="29"/>
      <c r="C23" s="8"/>
      <c r="D23" s="15">
        <v>100</v>
      </c>
      <c r="E23" s="16">
        <v>21.1</v>
      </c>
      <c r="F23" s="17">
        <v>73.900000000000006</v>
      </c>
      <c r="G23" s="18">
        <v>5</v>
      </c>
    </row>
    <row r="24" spans="2:7" x14ac:dyDescent="0.2">
      <c r="B24" s="29"/>
      <c r="C24" s="2" t="s">
        <v>23</v>
      </c>
      <c r="D24" s="19">
        <v>563</v>
      </c>
      <c r="E24" s="20">
        <v>105</v>
      </c>
      <c r="F24" s="21">
        <v>443</v>
      </c>
      <c r="G24" s="22">
        <v>15</v>
      </c>
    </row>
    <row r="25" spans="2:7" x14ac:dyDescent="0.2">
      <c r="B25" s="29"/>
      <c r="C25" s="7"/>
      <c r="D25" s="23">
        <v>100</v>
      </c>
      <c r="E25" s="24">
        <v>18.7</v>
      </c>
      <c r="F25" s="25">
        <v>78.7</v>
      </c>
      <c r="G25" s="26">
        <v>2.7</v>
      </c>
    </row>
    <row r="26" spans="2:7" x14ac:dyDescent="0.2">
      <c r="B26" s="29"/>
      <c r="C26" s="2" t="s">
        <v>22</v>
      </c>
      <c r="D26" s="19">
        <v>607</v>
      </c>
      <c r="E26" s="20">
        <v>143</v>
      </c>
      <c r="F26" s="21">
        <v>425</v>
      </c>
      <c r="G26" s="22">
        <v>39</v>
      </c>
    </row>
    <row r="27" spans="2:7" x14ac:dyDescent="0.2">
      <c r="B27" s="29"/>
      <c r="C27" s="7"/>
      <c r="D27" s="23">
        <v>100</v>
      </c>
      <c r="E27" s="24">
        <v>23.6</v>
      </c>
      <c r="F27" s="25">
        <v>70</v>
      </c>
      <c r="G27" s="26">
        <v>6.4</v>
      </c>
    </row>
    <row r="28" spans="2:7" x14ac:dyDescent="0.2">
      <c r="B28" s="29"/>
      <c r="C28" s="2" t="s">
        <v>13</v>
      </c>
      <c r="D28" s="19">
        <v>71</v>
      </c>
      <c r="E28" s="20">
        <v>14</v>
      </c>
      <c r="F28" s="21">
        <v>49</v>
      </c>
      <c r="G28" s="22">
        <v>8</v>
      </c>
    </row>
    <row r="29" spans="2:7" x14ac:dyDescent="0.2">
      <c r="B29" s="30"/>
      <c r="C29" s="10"/>
      <c r="D29" s="15">
        <v>100</v>
      </c>
      <c r="E29" s="16">
        <v>19.7</v>
      </c>
      <c r="F29" s="17">
        <v>69</v>
      </c>
      <c r="G29" s="18">
        <v>11.3</v>
      </c>
    </row>
    <row r="30" spans="2:7" x14ac:dyDescent="0.2">
      <c r="B30" s="28" t="s">
        <v>34</v>
      </c>
      <c r="C30" s="9" t="s">
        <v>12</v>
      </c>
      <c r="D30" s="11">
        <v>1241</v>
      </c>
      <c r="E30" s="12">
        <v>262</v>
      </c>
      <c r="F30" s="13">
        <v>917</v>
      </c>
      <c r="G30" s="14">
        <v>62</v>
      </c>
    </row>
    <row r="31" spans="2:7" x14ac:dyDescent="0.2">
      <c r="B31" s="29"/>
      <c r="C31" s="8"/>
      <c r="D31" s="15">
        <v>100</v>
      </c>
      <c r="E31" s="16">
        <v>21.1</v>
      </c>
      <c r="F31" s="17">
        <v>73.900000000000006</v>
      </c>
      <c r="G31" s="18">
        <v>5</v>
      </c>
    </row>
    <row r="32" spans="2:7" x14ac:dyDescent="0.2">
      <c r="B32" s="29"/>
      <c r="C32" s="2" t="s">
        <v>75</v>
      </c>
      <c r="D32" s="19">
        <v>3</v>
      </c>
      <c r="E32" s="20" t="s">
        <v>152</v>
      </c>
      <c r="F32" s="21">
        <v>3</v>
      </c>
      <c r="G32" s="22" t="s">
        <v>152</v>
      </c>
    </row>
    <row r="33" spans="2:7" x14ac:dyDescent="0.2">
      <c r="B33" s="29"/>
      <c r="C33" s="7"/>
      <c r="D33" s="23">
        <v>100</v>
      </c>
      <c r="E33" s="24" t="s">
        <v>152</v>
      </c>
      <c r="F33" s="25">
        <v>100</v>
      </c>
      <c r="G33" s="26" t="s">
        <v>152</v>
      </c>
    </row>
    <row r="34" spans="2:7" x14ac:dyDescent="0.2">
      <c r="B34" s="29"/>
      <c r="C34" s="2" t="s">
        <v>77</v>
      </c>
      <c r="D34" s="19">
        <v>51</v>
      </c>
      <c r="E34" s="20">
        <v>16</v>
      </c>
      <c r="F34" s="21">
        <v>35</v>
      </c>
      <c r="G34" s="22" t="s">
        <v>152</v>
      </c>
    </row>
    <row r="35" spans="2:7" x14ac:dyDescent="0.2">
      <c r="B35" s="29"/>
      <c r="C35" s="7"/>
      <c r="D35" s="23">
        <v>100</v>
      </c>
      <c r="E35" s="24">
        <v>31.4</v>
      </c>
      <c r="F35" s="25">
        <v>68.599999999999994</v>
      </c>
      <c r="G35" s="26" t="s">
        <v>152</v>
      </c>
    </row>
    <row r="36" spans="2:7" x14ac:dyDescent="0.2">
      <c r="B36" s="29"/>
      <c r="C36" s="2" t="s">
        <v>147</v>
      </c>
      <c r="D36" s="19">
        <v>54</v>
      </c>
      <c r="E36" s="20">
        <v>16</v>
      </c>
      <c r="F36" s="21">
        <v>38</v>
      </c>
      <c r="G36" s="22" t="s">
        <v>152</v>
      </c>
    </row>
    <row r="37" spans="2:7" x14ac:dyDescent="0.2">
      <c r="B37" s="29"/>
      <c r="C37" s="7"/>
      <c r="D37" s="23">
        <v>100</v>
      </c>
      <c r="E37" s="24">
        <v>29.629629629629626</v>
      </c>
      <c r="F37" s="25">
        <v>70.370370370370367</v>
      </c>
      <c r="G37" s="26" t="s">
        <v>152</v>
      </c>
    </row>
    <row r="38" spans="2:7" x14ac:dyDescent="0.2">
      <c r="B38" s="29"/>
      <c r="C38" s="2" t="s">
        <v>79</v>
      </c>
      <c r="D38" s="19">
        <v>116</v>
      </c>
      <c r="E38" s="20">
        <v>27</v>
      </c>
      <c r="F38" s="21">
        <v>84</v>
      </c>
      <c r="G38" s="22">
        <v>5</v>
      </c>
    </row>
    <row r="39" spans="2:7" x14ac:dyDescent="0.2">
      <c r="B39" s="29"/>
      <c r="C39" s="7"/>
      <c r="D39" s="23">
        <v>100</v>
      </c>
      <c r="E39" s="24">
        <v>23.3</v>
      </c>
      <c r="F39" s="25">
        <v>72.400000000000006</v>
      </c>
      <c r="G39" s="26">
        <v>4.3</v>
      </c>
    </row>
    <row r="40" spans="2:7" x14ac:dyDescent="0.2">
      <c r="B40" s="29"/>
      <c r="C40" s="2" t="s">
        <v>81</v>
      </c>
      <c r="D40" s="19">
        <v>200</v>
      </c>
      <c r="E40" s="20">
        <v>35</v>
      </c>
      <c r="F40" s="21">
        <v>159</v>
      </c>
      <c r="G40" s="22">
        <v>6</v>
      </c>
    </row>
    <row r="41" spans="2:7" x14ac:dyDescent="0.2">
      <c r="B41" s="29"/>
      <c r="C41" s="7"/>
      <c r="D41" s="23">
        <v>100</v>
      </c>
      <c r="E41" s="24">
        <v>17.5</v>
      </c>
      <c r="F41" s="25">
        <v>79.5</v>
      </c>
      <c r="G41" s="26">
        <v>3</v>
      </c>
    </row>
    <row r="42" spans="2:7" x14ac:dyDescent="0.2">
      <c r="B42" s="29"/>
      <c r="C42" s="2" t="s">
        <v>83</v>
      </c>
      <c r="D42" s="19">
        <v>289</v>
      </c>
      <c r="E42" s="20">
        <v>56</v>
      </c>
      <c r="F42" s="21">
        <v>225</v>
      </c>
      <c r="G42" s="22">
        <v>8</v>
      </c>
    </row>
    <row r="43" spans="2:7" x14ac:dyDescent="0.2">
      <c r="B43" s="29"/>
      <c r="C43" s="7"/>
      <c r="D43" s="23">
        <v>100</v>
      </c>
      <c r="E43" s="24">
        <v>19.399999999999999</v>
      </c>
      <c r="F43" s="25">
        <v>77.900000000000006</v>
      </c>
      <c r="G43" s="26">
        <v>2.8</v>
      </c>
    </row>
    <row r="44" spans="2:7" x14ac:dyDescent="0.2">
      <c r="B44" s="29"/>
      <c r="C44" s="2" t="s">
        <v>85</v>
      </c>
      <c r="D44" s="19">
        <v>247</v>
      </c>
      <c r="E44" s="20">
        <v>49</v>
      </c>
      <c r="F44" s="21">
        <v>191</v>
      </c>
      <c r="G44" s="22">
        <v>7</v>
      </c>
    </row>
    <row r="45" spans="2:7" x14ac:dyDescent="0.2">
      <c r="B45" s="29"/>
      <c r="C45" s="7"/>
      <c r="D45" s="23">
        <v>100</v>
      </c>
      <c r="E45" s="24">
        <v>19.8</v>
      </c>
      <c r="F45" s="25">
        <v>77.3</v>
      </c>
      <c r="G45" s="26">
        <v>2.8</v>
      </c>
    </row>
    <row r="46" spans="2:7" x14ac:dyDescent="0.2">
      <c r="B46" s="29"/>
      <c r="C46" s="2" t="s">
        <v>87</v>
      </c>
      <c r="D46" s="19">
        <v>125</v>
      </c>
      <c r="E46" s="20">
        <v>32</v>
      </c>
      <c r="F46" s="21">
        <v>84</v>
      </c>
      <c r="G46" s="22">
        <v>9</v>
      </c>
    </row>
    <row r="47" spans="2:7" x14ac:dyDescent="0.2">
      <c r="B47" s="29"/>
      <c r="C47" s="7"/>
      <c r="D47" s="23">
        <v>100</v>
      </c>
      <c r="E47" s="24">
        <v>25.6</v>
      </c>
      <c r="F47" s="25">
        <v>67.2</v>
      </c>
      <c r="G47" s="26">
        <v>7.2</v>
      </c>
    </row>
    <row r="48" spans="2:7" x14ac:dyDescent="0.2">
      <c r="B48" s="29"/>
      <c r="C48" s="2" t="s">
        <v>89</v>
      </c>
      <c r="D48" s="19">
        <v>150</v>
      </c>
      <c r="E48" s="20">
        <v>36</v>
      </c>
      <c r="F48" s="21">
        <v>96</v>
      </c>
      <c r="G48" s="22">
        <v>18</v>
      </c>
    </row>
    <row r="49" spans="2:7" x14ac:dyDescent="0.2">
      <c r="B49" s="29"/>
      <c r="C49" s="7"/>
      <c r="D49" s="23">
        <v>100</v>
      </c>
      <c r="E49" s="24">
        <v>24</v>
      </c>
      <c r="F49" s="25">
        <v>64</v>
      </c>
      <c r="G49" s="26">
        <v>12</v>
      </c>
    </row>
    <row r="50" spans="2:7" x14ac:dyDescent="0.2">
      <c r="B50" s="29"/>
      <c r="C50" s="2" t="s">
        <v>91</v>
      </c>
      <c r="D50" s="19">
        <v>60</v>
      </c>
      <c r="E50" s="20">
        <v>11</v>
      </c>
      <c r="F50" s="21">
        <v>40</v>
      </c>
      <c r="G50" s="22">
        <v>9</v>
      </c>
    </row>
    <row r="51" spans="2:7" x14ac:dyDescent="0.2">
      <c r="B51" s="29"/>
      <c r="C51" s="10"/>
      <c r="D51" s="23">
        <v>100</v>
      </c>
      <c r="E51" s="24">
        <v>18.3</v>
      </c>
      <c r="F51" s="25">
        <v>66.7</v>
      </c>
      <c r="G51" s="26">
        <v>15</v>
      </c>
    </row>
    <row r="52" spans="2:7" x14ac:dyDescent="0.2">
      <c r="B52" s="28" t="s">
        <v>33</v>
      </c>
      <c r="C52" s="9" t="s">
        <v>12</v>
      </c>
      <c r="D52" s="11">
        <v>1241</v>
      </c>
      <c r="E52" s="12">
        <v>262</v>
      </c>
      <c r="F52" s="13">
        <v>917</v>
      </c>
      <c r="G52" s="14">
        <v>62</v>
      </c>
    </row>
    <row r="53" spans="2:7" x14ac:dyDescent="0.2">
      <c r="B53" s="29"/>
      <c r="C53" s="8"/>
      <c r="D53" s="15">
        <v>100</v>
      </c>
      <c r="E53" s="16">
        <v>21.1</v>
      </c>
      <c r="F53" s="17">
        <v>73.900000000000006</v>
      </c>
      <c r="G53" s="18">
        <v>5</v>
      </c>
    </row>
    <row r="54" spans="2:7" x14ac:dyDescent="0.2">
      <c r="B54" s="29"/>
      <c r="C54" s="2" t="s">
        <v>57</v>
      </c>
      <c r="D54" s="19">
        <v>2</v>
      </c>
      <c r="E54" s="20" t="s">
        <v>152</v>
      </c>
      <c r="F54" s="21">
        <v>2</v>
      </c>
      <c r="G54" s="22" t="s">
        <v>152</v>
      </c>
    </row>
    <row r="55" spans="2:7" x14ac:dyDescent="0.2">
      <c r="B55" s="29"/>
      <c r="C55" s="7"/>
      <c r="D55" s="23">
        <v>100</v>
      </c>
      <c r="E55" s="24" t="s">
        <v>152</v>
      </c>
      <c r="F55" s="25">
        <v>100</v>
      </c>
      <c r="G55" s="26" t="s">
        <v>152</v>
      </c>
    </row>
    <row r="56" spans="2:7" x14ac:dyDescent="0.2">
      <c r="B56" s="29"/>
      <c r="C56" s="2" t="s">
        <v>63</v>
      </c>
      <c r="D56" s="19">
        <v>20</v>
      </c>
      <c r="E56" s="20">
        <v>4</v>
      </c>
      <c r="F56" s="21">
        <v>16</v>
      </c>
      <c r="G56" s="22" t="s">
        <v>152</v>
      </c>
    </row>
    <row r="57" spans="2:7" x14ac:dyDescent="0.2">
      <c r="B57" s="29"/>
      <c r="C57" s="7"/>
      <c r="D57" s="23">
        <v>100</v>
      </c>
      <c r="E57" s="24">
        <v>20</v>
      </c>
      <c r="F57" s="25">
        <v>80</v>
      </c>
      <c r="G57" s="26" t="s">
        <v>152</v>
      </c>
    </row>
    <row r="58" spans="2:7" x14ac:dyDescent="0.2">
      <c r="B58" s="29"/>
      <c r="C58" s="2" t="s">
        <v>148</v>
      </c>
      <c r="D58" s="19">
        <v>22</v>
      </c>
      <c r="E58" s="20">
        <v>4</v>
      </c>
      <c r="F58" s="21">
        <v>18</v>
      </c>
      <c r="G58" s="22" t="s">
        <v>152</v>
      </c>
    </row>
    <row r="59" spans="2:7" x14ac:dyDescent="0.2">
      <c r="B59" s="29"/>
      <c r="C59" s="7"/>
      <c r="D59" s="23">
        <v>100</v>
      </c>
      <c r="E59" s="24">
        <v>18.181818181818183</v>
      </c>
      <c r="F59" s="25">
        <v>81.818181818181827</v>
      </c>
      <c r="G59" s="26" t="s">
        <v>152</v>
      </c>
    </row>
    <row r="60" spans="2:7" x14ac:dyDescent="0.2">
      <c r="B60" s="29"/>
      <c r="C60" s="2" t="s">
        <v>64</v>
      </c>
      <c r="D60" s="19">
        <v>51</v>
      </c>
      <c r="E60" s="20">
        <v>10</v>
      </c>
      <c r="F60" s="21">
        <v>41</v>
      </c>
      <c r="G60" s="22" t="s">
        <v>152</v>
      </c>
    </row>
    <row r="61" spans="2:7" x14ac:dyDescent="0.2">
      <c r="B61" s="29"/>
      <c r="C61" s="7"/>
      <c r="D61" s="23">
        <v>100</v>
      </c>
      <c r="E61" s="24">
        <v>19.600000000000001</v>
      </c>
      <c r="F61" s="25">
        <v>80.400000000000006</v>
      </c>
      <c r="G61" s="26" t="s">
        <v>152</v>
      </c>
    </row>
    <row r="62" spans="2:7" x14ac:dyDescent="0.2">
      <c r="B62" s="29"/>
      <c r="C62" s="2" t="s">
        <v>65</v>
      </c>
      <c r="D62" s="19">
        <v>88</v>
      </c>
      <c r="E62" s="20">
        <v>12</v>
      </c>
      <c r="F62" s="21">
        <v>75</v>
      </c>
      <c r="G62" s="22">
        <v>1</v>
      </c>
    </row>
    <row r="63" spans="2:7" x14ac:dyDescent="0.2">
      <c r="B63" s="29"/>
      <c r="C63" s="7"/>
      <c r="D63" s="23">
        <v>100</v>
      </c>
      <c r="E63" s="24">
        <v>13.6</v>
      </c>
      <c r="F63" s="25">
        <v>85.2</v>
      </c>
      <c r="G63" s="26">
        <v>1.1000000000000001</v>
      </c>
    </row>
    <row r="64" spans="2:7" x14ac:dyDescent="0.2">
      <c r="B64" s="29"/>
      <c r="C64" s="2" t="s">
        <v>66</v>
      </c>
      <c r="D64" s="19">
        <v>146</v>
      </c>
      <c r="E64" s="20">
        <v>25</v>
      </c>
      <c r="F64" s="21">
        <v>117</v>
      </c>
      <c r="G64" s="22">
        <v>4</v>
      </c>
    </row>
    <row r="65" spans="2:7" x14ac:dyDescent="0.2">
      <c r="B65" s="29"/>
      <c r="C65" s="7"/>
      <c r="D65" s="23">
        <v>100</v>
      </c>
      <c r="E65" s="24">
        <v>17.100000000000001</v>
      </c>
      <c r="F65" s="25">
        <v>80.099999999999994</v>
      </c>
      <c r="G65" s="26">
        <v>2.7</v>
      </c>
    </row>
    <row r="66" spans="2:7" x14ac:dyDescent="0.2">
      <c r="B66" s="29"/>
      <c r="C66" s="2" t="s">
        <v>67</v>
      </c>
      <c r="D66" s="19">
        <v>133</v>
      </c>
      <c r="E66" s="20">
        <v>22</v>
      </c>
      <c r="F66" s="21">
        <v>108</v>
      </c>
      <c r="G66" s="22">
        <v>3</v>
      </c>
    </row>
    <row r="67" spans="2:7" x14ac:dyDescent="0.2">
      <c r="B67" s="29"/>
      <c r="C67" s="7"/>
      <c r="D67" s="23">
        <v>100</v>
      </c>
      <c r="E67" s="24">
        <v>16.5</v>
      </c>
      <c r="F67" s="25">
        <v>81.2</v>
      </c>
      <c r="G67" s="26">
        <v>2.2999999999999998</v>
      </c>
    </row>
    <row r="68" spans="2:7" x14ac:dyDescent="0.2">
      <c r="B68" s="29"/>
      <c r="C68" s="2" t="s">
        <v>58</v>
      </c>
      <c r="D68" s="19">
        <v>57</v>
      </c>
      <c r="E68" s="20">
        <v>14</v>
      </c>
      <c r="F68" s="21">
        <v>40</v>
      </c>
      <c r="G68" s="22">
        <v>3</v>
      </c>
    </row>
    <row r="69" spans="2:7" x14ac:dyDescent="0.2">
      <c r="B69" s="29"/>
      <c r="C69" s="7"/>
      <c r="D69" s="23">
        <v>100</v>
      </c>
      <c r="E69" s="24">
        <v>24.6</v>
      </c>
      <c r="F69" s="25">
        <v>70.2</v>
      </c>
      <c r="G69" s="26">
        <v>5.3</v>
      </c>
    </row>
    <row r="70" spans="2:7" x14ac:dyDescent="0.2">
      <c r="B70" s="29"/>
      <c r="C70" s="2" t="s">
        <v>68</v>
      </c>
      <c r="D70" s="19">
        <v>65</v>
      </c>
      <c r="E70" s="20">
        <v>18</v>
      </c>
      <c r="F70" s="21">
        <v>44</v>
      </c>
      <c r="G70" s="22">
        <v>3</v>
      </c>
    </row>
    <row r="71" spans="2:7" x14ac:dyDescent="0.2">
      <c r="B71" s="29"/>
      <c r="C71" s="7"/>
      <c r="D71" s="23">
        <v>100</v>
      </c>
      <c r="E71" s="24">
        <v>27.7</v>
      </c>
      <c r="F71" s="25">
        <v>67.7</v>
      </c>
      <c r="G71" s="26">
        <v>4.5999999999999996</v>
      </c>
    </row>
    <row r="72" spans="2:7" x14ac:dyDescent="0.2">
      <c r="B72" s="29"/>
      <c r="C72" s="2" t="s">
        <v>59</v>
      </c>
      <c r="D72" s="19">
        <v>1</v>
      </c>
      <c r="E72" s="20" t="s">
        <v>152</v>
      </c>
      <c r="F72" s="21">
        <v>1</v>
      </c>
      <c r="G72" s="22" t="s">
        <v>152</v>
      </c>
    </row>
    <row r="73" spans="2:7" x14ac:dyDescent="0.2">
      <c r="B73" s="29"/>
      <c r="C73" s="7"/>
      <c r="D73" s="23">
        <v>100</v>
      </c>
      <c r="E73" s="24" t="s">
        <v>152</v>
      </c>
      <c r="F73" s="25">
        <v>100</v>
      </c>
      <c r="G73" s="26" t="s">
        <v>152</v>
      </c>
    </row>
    <row r="74" spans="2:7" x14ac:dyDescent="0.2">
      <c r="B74" s="29"/>
      <c r="C74" s="2" t="s">
        <v>69</v>
      </c>
      <c r="D74" s="19">
        <v>29</v>
      </c>
      <c r="E74" s="20">
        <v>12</v>
      </c>
      <c r="F74" s="21">
        <v>17</v>
      </c>
      <c r="G74" s="22" t="s">
        <v>152</v>
      </c>
    </row>
    <row r="75" spans="2:7" x14ac:dyDescent="0.2">
      <c r="B75" s="29"/>
      <c r="C75" s="7"/>
      <c r="D75" s="23">
        <v>100</v>
      </c>
      <c r="E75" s="24">
        <v>41.4</v>
      </c>
      <c r="F75" s="25">
        <v>58.6</v>
      </c>
      <c r="G75" s="26" t="s">
        <v>152</v>
      </c>
    </row>
    <row r="76" spans="2:7" x14ac:dyDescent="0.2">
      <c r="B76" s="29"/>
      <c r="C76" s="2" t="s">
        <v>149</v>
      </c>
      <c r="D76" s="19">
        <v>30</v>
      </c>
      <c r="E76" s="20">
        <v>12</v>
      </c>
      <c r="F76" s="21">
        <v>18</v>
      </c>
      <c r="G76" s="22" t="s">
        <v>152</v>
      </c>
    </row>
    <row r="77" spans="2:7" x14ac:dyDescent="0.2">
      <c r="B77" s="29"/>
      <c r="C77" s="7"/>
      <c r="D77" s="23">
        <v>100</v>
      </c>
      <c r="E77" s="24">
        <v>40</v>
      </c>
      <c r="F77" s="25">
        <v>60</v>
      </c>
      <c r="G77" s="26" t="s">
        <v>152</v>
      </c>
    </row>
    <row r="78" spans="2:7" x14ac:dyDescent="0.2">
      <c r="B78" s="29"/>
      <c r="C78" s="2" t="s">
        <v>70</v>
      </c>
      <c r="D78" s="19">
        <v>64</v>
      </c>
      <c r="E78" s="20">
        <v>17</v>
      </c>
      <c r="F78" s="21">
        <v>42</v>
      </c>
      <c r="G78" s="22">
        <v>5</v>
      </c>
    </row>
    <row r="79" spans="2:7" x14ac:dyDescent="0.2">
      <c r="B79" s="29"/>
      <c r="C79" s="7"/>
      <c r="D79" s="23">
        <v>100</v>
      </c>
      <c r="E79" s="24">
        <v>26.6</v>
      </c>
      <c r="F79" s="25">
        <v>65.599999999999994</v>
      </c>
      <c r="G79" s="26">
        <v>7.8</v>
      </c>
    </row>
    <row r="80" spans="2:7" x14ac:dyDescent="0.2">
      <c r="B80" s="29"/>
      <c r="C80" s="2" t="s">
        <v>71</v>
      </c>
      <c r="D80" s="19">
        <v>112</v>
      </c>
      <c r="E80" s="20">
        <v>23</v>
      </c>
      <c r="F80" s="21">
        <v>84</v>
      </c>
      <c r="G80" s="22">
        <v>5</v>
      </c>
    </row>
    <row r="81" spans="2:7" x14ac:dyDescent="0.2">
      <c r="B81" s="29"/>
      <c r="C81" s="7"/>
      <c r="D81" s="23">
        <v>100</v>
      </c>
      <c r="E81" s="24">
        <v>20.5</v>
      </c>
      <c r="F81" s="25">
        <v>75</v>
      </c>
      <c r="G81" s="26">
        <v>4.5</v>
      </c>
    </row>
    <row r="82" spans="2:7" x14ac:dyDescent="0.2">
      <c r="B82" s="29"/>
      <c r="C82" s="2" t="s">
        <v>72</v>
      </c>
      <c r="D82" s="19">
        <v>137</v>
      </c>
      <c r="E82" s="20">
        <v>29</v>
      </c>
      <c r="F82" s="21">
        <v>104</v>
      </c>
      <c r="G82" s="22">
        <v>4</v>
      </c>
    </row>
    <row r="83" spans="2:7" x14ac:dyDescent="0.2">
      <c r="B83" s="29"/>
      <c r="C83" s="7"/>
      <c r="D83" s="23">
        <v>100</v>
      </c>
      <c r="E83" s="24">
        <v>21.2</v>
      </c>
      <c r="F83" s="25">
        <v>75.900000000000006</v>
      </c>
      <c r="G83" s="26">
        <v>2.9</v>
      </c>
    </row>
    <row r="84" spans="2:7" x14ac:dyDescent="0.2">
      <c r="B84" s="29"/>
      <c r="C84" s="2" t="s">
        <v>73</v>
      </c>
      <c r="D84" s="19">
        <v>112</v>
      </c>
      <c r="E84" s="20">
        <v>27</v>
      </c>
      <c r="F84" s="21">
        <v>81</v>
      </c>
      <c r="G84" s="22">
        <v>4</v>
      </c>
    </row>
    <row r="85" spans="2:7" x14ac:dyDescent="0.2">
      <c r="B85" s="29"/>
      <c r="C85" s="7"/>
      <c r="D85" s="23">
        <v>100</v>
      </c>
      <c r="E85" s="24">
        <v>24.1</v>
      </c>
      <c r="F85" s="25">
        <v>72.3</v>
      </c>
      <c r="G85" s="26">
        <v>3.6</v>
      </c>
    </row>
    <row r="86" spans="2:7" x14ac:dyDescent="0.2">
      <c r="B86" s="29"/>
      <c r="C86" s="2" t="s">
        <v>60</v>
      </c>
      <c r="D86" s="19">
        <v>66</v>
      </c>
      <c r="E86" s="20">
        <v>17</v>
      </c>
      <c r="F86" s="21">
        <v>43</v>
      </c>
      <c r="G86" s="22">
        <v>6</v>
      </c>
    </row>
    <row r="87" spans="2:7" x14ac:dyDescent="0.2">
      <c r="B87" s="29"/>
      <c r="C87" s="7"/>
      <c r="D87" s="23">
        <v>100</v>
      </c>
      <c r="E87" s="24">
        <v>25.8</v>
      </c>
      <c r="F87" s="25">
        <v>65.2</v>
      </c>
      <c r="G87" s="26">
        <v>9.1</v>
      </c>
    </row>
    <row r="88" spans="2:7" x14ac:dyDescent="0.2">
      <c r="B88" s="29"/>
      <c r="C88" s="2" t="s">
        <v>74</v>
      </c>
      <c r="D88" s="19">
        <v>83</v>
      </c>
      <c r="E88" s="20">
        <v>17</v>
      </c>
      <c r="F88" s="21">
        <v>51</v>
      </c>
      <c r="G88" s="22">
        <v>15</v>
      </c>
    </row>
    <row r="89" spans="2:7" x14ac:dyDescent="0.2">
      <c r="B89" s="29"/>
      <c r="C89" s="7"/>
      <c r="D89" s="23">
        <v>100</v>
      </c>
      <c r="E89" s="24">
        <v>20.5</v>
      </c>
      <c r="F89" s="25">
        <v>61.4</v>
      </c>
      <c r="G89" s="26">
        <v>18.100000000000001</v>
      </c>
    </row>
    <row r="90" spans="2:7" x14ac:dyDescent="0.2">
      <c r="B90" s="29"/>
      <c r="C90" s="2" t="s">
        <v>0</v>
      </c>
      <c r="D90" s="19">
        <v>75</v>
      </c>
      <c r="E90" s="20">
        <v>15</v>
      </c>
      <c r="F90" s="21">
        <v>51</v>
      </c>
      <c r="G90" s="22">
        <v>9</v>
      </c>
    </row>
    <row r="91" spans="2:7" x14ac:dyDescent="0.2">
      <c r="B91" s="29"/>
      <c r="C91" s="7"/>
      <c r="D91" s="23">
        <v>100</v>
      </c>
      <c r="E91" s="24">
        <v>20</v>
      </c>
      <c r="F91" s="25">
        <v>68</v>
      </c>
      <c r="G91" s="26">
        <v>12</v>
      </c>
    </row>
    <row r="92" spans="2:7" x14ac:dyDescent="0.2">
      <c r="B92" s="28" t="s">
        <v>32</v>
      </c>
      <c r="C92" s="9" t="s">
        <v>12</v>
      </c>
      <c r="D92" s="11">
        <v>1241</v>
      </c>
      <c r="E92" s="12">
        <v>262</v>
      </c>
      <c r="F92" s="13">
        <v>917</v>
      </c>
      <c r="G92" s="14">
        <v>62</v>
      </c>
    </row>
    <row r="93" spans="2:7" x14ac:dyDescent="0.2">
      <c r="B93" s="29"/>
      <c r="C93" s="8"/>
      <c r="D93" s="15">
        <v>100</v>
      </c>
      <c r="E93" s="16">
        <v>21.1</v>
      </c>
      <c r="F93" s="17">
        <v>73.900000000000006</v>
      </c>
      <c r="G93" s="18">
        <v>5</v>
      </c>
    </row>
    <row r="94" spans="2:7" x14ac:dyDescent="0.2">
      <c r="B94" s="29"/>
      <c r="C94" s="2" t="s">
        <v>21</v>
      </c>
      <c r="D94" s="19">
        <v>65</v>
      </c>
      <c r="E94" s="20">
        <v>17</v>
      </c>
      <c r="F94" s="21">
        <v>44</v>
      </c>
      <c r="G94" s="22">
        <v>4</v>
      </c>
    </row>
    <row r="95" spans="2:7" x14ac:dyDescent="0.2">
      <c r="B95" s="29"/>
      <c r="C95" s="7"/>
      <c r="D95" s="23">
        <v>100</v>
      </c>
      <c r="E95" s="24">
        <v>26.2</v>
      </c>
      <c r="F95" s="25">
        <v>67.7</v>
      </c>
      <c r="G95" s="26">
        <v>6.2</v>
      </c>
    </row>
    <row r="96" spans="2:7" x14ac:dyDescent="0.2">
      <c r="B96" s="29"/>
      <c r="C96" s="2" t="s">
        <v>20</v>
      </c>
      <c r="D96" s="19">
        <v>7</v>
      </c>
      <c r="E96" s="20">
        <v>1</v>
      </c>
      <c r="F96" s="21">
        <v>6</v>
      </c>
      <c r="G96" s="22" t="s">
        <v>152</v>
      </c>
    </row>
    <row r="97" spans="2:7" x14ac:dyDescent="0.2">
      <c r="B97" s="29"/>
      <c r="C97" s="7"/>
      <c r="D97" s="23">
        <v>100</v>
      </c>
      <c r="E97" s="24">
        <v>14.3</v>
      </c>
      <c r="F97" s="25">
        <v>85.7</v>
      </c>
      <c r="G97" s="26" t="s">
        <v>152</v>
      </c>
    </row>
    <row r="98" spans="2:7" x14ac:dyDescent="0.2">
      <c r="B98" s="29"/>
      <c r="C98" s="2" t="s">
        <v>19</v>
      </c>
      <c r="D98" s="19">
        <v>484</v>
      </c>
      <c r="E98" s="20">
        <v>99</v>
      </c>
      <c r="F98" s="21">
        <v>376</v>
      </c>
      <c r="G98" s="22">
        <v>9</v>
      </c>
    </row>
    <row r="99" spans="2:7" x14ac:dyDescent="0.2">
      <c r="B99" s="29"/>
      <c r="C99" s="7"/>
      <c r="D99" s="23">
        <v>100</v>
      </c>
      <c r="E99" s="24">
        <v>20.5</v>
      </c>
      <c r="F99" s="25">
        <v>77.7</v>
      </c>
      <c r="G99" s="26">
        <v>1.9</v>
      </c>
    </row>
    <row r="100" spans="2:7" x14ac:dyDescent="0.2">
      <c r="B100" s="29"/>
      <c r="C100" s="2" t="s">
        <v>18</v>
      </c>
      <c r="D100" s="19">
        <v>195</v>
      </c>
      <c r="E100" s="20">
        <v>33</v>
      </c>
      <c r="F100" s="21">
        <v>151</v>
      </c>
      <c r="G100" s="22">
        <v>11</v>
      </c>
    </row>
    <row r="101" spans="2:7" x14ac:dyDescent="0.2">
      <c r="B101" s="29"/>
      <c r="C101" s="7"/>
      <c r="D101" s="23">
        <v>100</v>
      </c>
      <c r="E101" s="24">
        <v>16.899999999999999</v>
      </c>
      <c r="F101" s="25">
        <v>77.400000000000006</v>
      </c>
      <c r="G101" s="26">
        <v>5.6</v>
      </c>
    </row>
    <row r="102" spans="2:7" x14ac:dyDescent="0.2">
      <c r="B102" s="29"/>
      <c r="C102" s="2" t="s">
        <v>17</v>
      </c>
      <c r="D102" s="19">
        <v>1</v>
      </c>
      <c r="E102" s="20" t="s">
        <v>152</v>
      </c>
      <c r="F102" s="21">
        <v>1</v>
      </c>
      <c r="G102" s="22" t="s">
        <v>152</v>
      </c>
    </row>
    <row r="103" spans="2:7" x14ac:dyDescent="0.2">
      <c r="B103" s="29"/>
      <c r="C103" s="7"/>
      <c r="D103" s="23">
        <v>100</v>
      </c>
      <c r="E103" s="24" t="s">
        <v>152</v>
      </c>
      <c r="F103" s="25">
        <v>100</v>
      </c>
      <c r="G103" s="26" t="s">
        <v>152</v>
      </c>
    </row>
    <row r="104" spans="2:7" x14ac:dyDescent="0.2">
      <c r="B104" s="29"/>
      <c r="C104" s="2" t="s">
        <v>151</v>
      </c>
      <c r="D104" s="19">
        <v>178</v>
      </c>
      <c r="E104" s="20">
        <v>43</v>
      </c>
      <c r="F104" s="21">
        <v>119</v>
      </c>
      <c r="G104" s="22">
        <v>16</v>
      </c>
    </row>
    <row r="105" spans="2:7" x14ac:dyDescent="0.2">
      <c r="B105" s="29"/>
      <c r="C105" s="7"/>
      <c r="D105" s="23">
        <v>100</v>
      </c>
      <c r="E105" s="24">
        <v>24.2</v>
      </c>
      <c r="F105" s="25">
        <v>66.900000000000006</v>
      </c>
      <c r="G105" s="26">
        <v>9</v>
      </c>
    </row>
    <row r="106" spans="2:7" x14ac:dyDescent="0.2">
      <c r="B106" s="29"/>
      <c r="C106" s="2" t="s">
        <v>16</v>
      </c>
      <c r="D106" s="19">
        <v>10</v>
      </c>
      <c r="E106" s="20">
        <v>4</v>
      </c>
      <c r="F106" s="21">
        <v>6</v>
      </c>
      <c r="G106" s="22" t="s">
        <v>152</v>
      </c>
    </row>
    <row r="107" spans="2:7" x14ac:dyDescent="0.2">
      <c r="B107" s="29"/>
      <c r="C107" s="7"/>
      <c r="D107" s="23">
        <v>100</v>
      </c>
      <c r="E107" s="24">
        <v>40</v>
      </c>
      <c r="F107" s="25">
        <v>60</v>
      </c>
      <c r="G107" s="26" t="s">
        <v>152</v>
      </c>
    </row>
    <row r="108" spans="2:7" x14ac:dyDescent="0.2">
      <c r="B108" s="29"/>
      <c r="C108" s="2" t="s">
        <v>15</v>
      </c>
      <c r="D108" s="19">
        <v>211</v>
      </c>
      <c r="E108" s="20">
        <v>41</v>
      </c>
      <c r="F108" s="21">
        <v>158</v>
      </c>
      <c r="G108" s="22">
        <v>12</v>
      </c>
    </row>
    <row r="109" spans="2:7" x14ac:dyDescent="0.2">
      <c r="B109" s="29"/>
      <c r="C109" s="7"/>
      <c r="D109" s="23">
        <v>100</v>
      </c>
      <c r="E109" s="24">
        <v>19.399999999999999</v>
      </c>
      <c r="F109" s="25">
        <v>74.900000000000006</v>
      </c>
      <c r="G109" s="26">
        <v>5.7</v>
      </c>
    </row>
    <row r="110" spans="2:7" x14ac:dyDescent="0.2">
      <c r="B110" s="29"/>
      <c r="C110" s="2" t="s">
        <v>14</v>
      </c>
      <c r="D110" s="19">
        <v>12</v>
      </c>
      <c r="E110" s="20">
        <v>4</v>
      </c>
      <c r="F110" s="21">
        <v>8</v>
      </c>
      <c r="G110" s="22" t="s">
        <v>152</v>
      </c>
    </row>
    <row r="111" spans="2:7" x14ac:dyDescent="0.2">
      <c r="B111" s="29"/>
      <c r="C111" s="7"/>
      <c r="D111" s="23">
        <v>100</v>
      </c>
      <c r="E111" s="24">
        <v>33.299999999999997</v>
      </c>
      <c r="F111" s="25">
        <v>66.7</v>
      </c>
      <c r="G111" s="26" t="s">
        <v>152</v>
      </c>
    </row>
    <row r="112" spans="2:7" x14ac:dyDescent="0.2">
      <c r="B112" s="29"/>
      <c r="C112" s="2" t="s">
        <v>13</v>
      </c>
      <c r="D112" s="19">
        <v>78</v>
      </c>
      <c r="E112" s="20">
        <v>20</v>
      </c>
      <c r="F112" s="21">
        <v>48</v>
      </c>
      <c r="G112" s="22">
        <v>10</v>
      </c>
    </row>
    <row r="113" spans="2:7" x14ac:dyDescent="0.2">
      <c r="B113" s="30"/>
      <c r="C113" s="10"/>
      <c r="D113" s="15">
        <v>100</v>
      </c>
      <c r="E113" s="16">
        <v>25.6</v>
      </c>
      <c r="F113" s="17">
        <v>61.5</v>
      </c>
      <c r="G113" s="18">
        <v>12.8</v>
      </c>
    </row>
    <row r="114" spans="2:7" x14ac:dyDescent="0.2">
      <c r="B114" s="28" t="s">
        <v>31</v>
      </c>
      <c r="C114" s="9" t="s">
        <v>12</v>
      </c>
      <c r="D114" s="11">
        <v>752</v>
      </c>
      <c r="E114" s="12">
        <v>150</v>
      </c>
      <c r="F114" s="13">
        <v>578</v>
      </c>
      <c r="G114" s="14">
        <v>24</v>
      </c>
    </row>
    <row r="115" spans="2:7" x14ac:dyDescent="0.2">
      <c r="B115" s="29"/>
      <c r="C115" s="8"/>
      <c r="D115" s="15">
        <v>100</v>
      </c>
      <c r="E115" s="16">
        <v>19.899999999999999</v>
      </c>
      <c r="F115" s="17">
        <v>76.900000000000006</v>
      </c>
      <c r="G115" s="18">
        <v>3.2</v>
      </c>
    </row>
    <row r="116" spans="2:7" x14ac:dyDescent="0.2">
      <c r="B116" s="29"/>
      <c r="C116" s="2" t="s">
        <v>11</v>
      </c>
      <c r="D116" s="19">
        <v>2</v>
      </c>
      <c r="E116" s="20" t="s">
        <v>152</v>
      </c>
      <c r="F116" s="21">
        <v>1</v>
      </c>
      <c r="G116" s="22">
        <v>1</v>
      </c>
    </row>
    <row r="117" spans="2:7" x14ac:dyDescent="0.2">
      <c r="B117" s="29"/>
      <c r="C117" s="7"/>
      <c r="D117" s="23">
        <v>100</v>
      </c>
      <c r="E117" s="24" t="s">
        <v>152</v>
      </c>
      <c r="F117" s="25">
        <v>50</v>
      </c>
      <c r="G117" s="26">
        <v>50</v>
      </c>
    </row>
    <row r="118" spans="2:7" x14ac:dyDescent="0.2">
      <c r="B118" s="29"/>
      <c r="C118" s="2" t="s">
        <v>10</v>
      </c>
      <c r="D118" s="19">
        <v>32</v>
      </c>
      <c r="E118" s="20">
        <v>9</v>
      </c>
      <c r="F118" s="21">
        <v>21</v>
      </c>
      <c r="G118" s="22">
        <v>2</v>
      </c>
    </row>
    <row r="119" spans="2:7" x14ac:dyDescent="0.2">
      <c r="B119" s="29"/>
      <c r="C119" s="7"/>
      <c r="D119" s="23">
        <v>100</v>
      </c>
      <c r="E119" s="24">
        <v>28.1</v>
      </c>
      <c r="F119" s="25">
        <v>65.599999999999994</v>
      </c>
      <c r="G119" s="26">
        <v>6.3</v>
      </c>
    </row>
    <row r="120" spans="2:7" x14ac:dyDescent="0.2">
      <c r="B120" s="29"/>
      <c r="C120" s="2" t="s">
        <v>9</v>
      </c>
      <c r="D120" s="19">
        <v>33</v>
      </c>
      <c r="E120" s="20">
        <v>7</v>
      </c>
      <c r="F120" s="21">
        <v>25</v>
      </c>
      <c r="G120" s="22">
        <v>1</v>
      </c>
    </row>
    <row r="121" spans="2:7" x14ac:dyDescent="0.2">
      <c r="B121" s="29"/>
      <c r="C121" s="7"/>
      <c r="D121" s="23">
        <v>100</v>
      </c>
      <c r="E121" s="24">
        <v>21.2</v>
      </c>
      <c r="F121" s="25">
        <v>75.8</v>
      </c>
      <c r="G121" s="26">
        <v>3</v>
      </c>
    </row>
    <row r="122" spans="2:7" x14ac:dyDescent="0.2">
      <c r="B122" s="29"/>
      <c r="C122" s="2" t="s">
        <v>8</v>
      </c>
      <c r="D122" s="19">
        <v>71</v>
      </c>
      <c r="E122" s="20">
        <v>14</v>
      </c>
      <c r="F122" s="21">
        <v>56</v>
      </c>
      <c r="G122" s="22">
        <v>1</v>
      </c>
    </row>
    <row r="123" spans="2:7" x14ac:dyDescent="0.2">
      <c r="B123" s="29"/>
      <c r="C123" s="7"/>
      <c r="D123" s="23">
        <v>100</v>
      </c>
      <c r="E123" s="24">
        <v>19.7</v>
      </c>
      <c r="F123" s="25">
        <v>78.900000000000006</v>
      </c>
      <c r="G123" s="26">
        <v>1.4</v>
      </c>
    </row>
    <row r="124" spans="2:7" x14ac:dyDescent="0.2">
      <c r="B124" s="29"/>
      <c r="C124" s="2" t="s">
        <v>7</v>
      </c>
      <c r="D124" s="19">
        <v>152</v>
      </c>
      <c r="E124" s="20">
        <v>24</v>
      </c>
      <c r="F124" s="21">
        <v>123</v>
      </c>
      <c r="G124" s="22">
        <v>5</v>
      </c>
    </row>
    <row r="125" spans="2:7" x14ac:dyDescent="0.2">
      <c r="B125" s="29"/>
      <c r="C125" s="7"/>
      <c r="D125" s="23">
        <v>100</v>
      </c>
      <c r="E125" s="24">
        <v>15.8</v>
      </c>
      <c r="F125" s="25">
        <v>80.900000000000006</v>
      </c>
      <c r="G125" s="26">
        <v>3.3</v>
      </c>
    </row>
    <row r="126" spans="2:7" x14ac:dyDescent="0.2">
      <c r="B126" s="29"/>
      <c r="C126" s="2" t="s">
        <v>6</v>
      </c>
      <c r="D126" s="19">
        <v>176</v>
      </c>
      <c r="E126" s="20">
        <v>41</v>
      </c>
      <c r="F126" s="21">
        <v>132</v>
      </c>
      <c r="G126" s="22">
        <v>3</v>
      </c>
    </row>
    <row r="127" spans="2:7" x14ac:dyDescent="0.2">
      <c r="B127" s="29"/>
      <c r="C127" s="7"/>
      <c r="D127" s="23">
        <v>100</v>
      </c>
      <c r="E127" s="24">
        <v>23.3</v>
      </c>
      <c r="F127" s="25">
        <v>75</v>
      </c>
      <c r="G127" s="26">
        <v>1.7</v>
      </c>
    </row>
    <row r="128" spans="2:7" x14ac:dyDescent="0.2">
      <c r="B128" s="29"/>
      <c r="C128" s="2" t="s">
        <v>5</v>
      </c>
      <c r="D128" s="19">
        <v>37</v>
      </c>
      <c r="E128" s="20">
        <v>9</v>
      </c>
      <c r="F128" s="21">
        <v>25</v>
      </c>
      <c r="G128" s="22">
        <v>3</v>
      </c>
    </row>
    <row r="129" spans="2:7" x14ac:dyDescent="0.2">
      <c r="B129" s="29"/>
      <c r="C129" s="7"/>
      <c r="D129" s="23">
        <v>100</v>
      </c>
      <c r="E129" s="24">
        <v>24.3</v>
      </c>
      <c r="F129" s="25">
        <v>67.599999999999994</v>
      </c>
      <c r="G129" s="26">
        <v>8.1</v>
      </c>
    </row>
    <row r="130" spans="2:7" x14ac:dyDescent="0.2">
      <c r="B130" s="29"/>
      <c r="C130" s="2" t="s">
        <v>4</v>
      </c>
      <c r="D130" s="19">
        <v>67</v>
      </c>
      <c r="E130" s="20">
        <v>10</v>
      </c>
      <c r="F130" s="21">
        <v>56</v>
      </c>
      <c r="G130" s="22">
        <v>1</v>
      </c>
    </row>
    <row r="131" spans="2:7" x14ac:dyDescent="0.2">
      <c r="B131" s="29"/>
      <c r="C131" s="7"/>
      <c r="D131" s="23">
        <v>100</v>
      </c>
      <c r="E131" s="24">
        <v>14.9</v>
      </c>
      <c r="F131" s="25">
        <v>83.6</v>
      </c>
      <c r="G131" s="26">
        <v>1.5</v>
      </c>
    </row>
    <row r="132" spans="2:7" x14ac:dyDescent="0.2">
      <c r="B132" s="29"/>
      <c r="C132" s="2" t="s">
        <v>3</v>
      </c>
      <c r="D132" s="19">
        <v>159</v>
      </c>
      <c r="E132" s="20">
        <v>31</v>
      </c>
      <c r="F132" s="21">
        <v>122</v>
      </c>
      <c r="G132" s="22">
        <v>6</v>
      </c>
    </row>
    <row r="133" spans="2:7" x14ac:dyDescent="0.2">
      <c r="B133" s="29"/>
      <c r="C133" s="7"/>
      <c r="D133" s="23">
        <v>100</v>
      </c>
      <c r="E133" s="24">
        <v>19.5</v>
      </c>
      <c r="F133" s="25">
        <v>76.7</v>
      </c>
      <c r="G133" s="26">
        <v>3.8</v>
      </c>
    </row>
    <row r="134" spans="2:7" x14ac:dyDescent="0.2">
      <c r="B134" s="29"/>
      <c r="C134" s="2" t="s">
        <v>2</v>
      </c>
      <c r="D134" s="19">
        <v>23</v>
      </c>
      <c r="E134" s="20">
        <v>5</v>
      </c>
      <c r="F134" s="21">
        <v>17</v>
      </c>
      <c r="G134" s="22">
        <v>1</v>
      </c>
    </row>
    <row r="135" spans="2:7" x14ac:dyDescent="0.2">
      <c r="B135" s="30"/>
      <c r="C135" s="10"/>
      <c r="D135" s="15">
        <v>100</v>
      </c>
      <c r="E135" s="16">
        <v>21.7</v>
      </c>
      <c r="F135" s="17">
        <v>73.900000000000006</v>
      </c>
      <c r="G135" s="18">
        <v>4.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75</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262</v>
      </c>
      <c r="F4" s="13">
        <v>917</v>
      </c>
      <c r="G4" s="14">
        <v>62</v>
      </c>
    </row>
    <row r="5" spans="2:7" x14ac:dyDescent="0.2">
      <c r="B5" s="29"/>
      <c r="C5" s="8"/>
      <c r="D5" s="15">
        <v>100</v>
      </c>
      <c r="E5" s="16">
        <v>21.1</v>
      </c>
      <c r="F5" s="17">
        <v>73.900000000000006</v>
      </c>
      <c r="G5" s="18">
        <v>5</v>
      </c>
    </row>
    <row r="6" spans="2:7" x14ac:dyDescent="0.2">
      <c r="B6" s="29"/>
      <c r="C6" s="2" t="s">
        <v>52</v>
      </c>
      <c r="D6" s="19">
        <v>557</v>
      </c>
      <c r="E6" s="20">
        <v>115</v>
      </c>
      <c r="F6" s="21">
        <v>411</v>
      </c>
      <c r="G6" s="22">
        <v>31</v>
      </c>
    </row>
    <row r="7" spans="2:7" x14ac:dyDescent="0.2">
      <c r="B7" s="29"/>
      <c r="C7" s="7"/>
      <c r="D7" s="23">
        <v>100</v>
      </c>
      <c r="E7" s="24">
        <v>20.6</v>
      </c>
      <c r="F7" s="25">
        <v>73.8</v>
      </c>
      <c r="G7" s="26">
        <v>5.6</v>
      </c>
    </row>
    <row r="8" spans="2:7" x14ac:dyDescent="0.2">
      <c r="B8" s="29"/>
      <c r="C8" s="2" t="s">
        <v>51</v>
      </c>
      <c r="D8" s="19">
        <v>595</v>
      </c>
      <c r="E8" s="20">
        <v>128</v>
      </c>
      <c r="F8" s="21">
        <v>450</v>
      </c>
      <c r="G8" s="22">
        <v>17</v>
      </c>
    </row>
    <row r="9" spans="2:7" x14ac:dyDescent="0.2">
      <c r="B9" s="29"/>
      <c r="C9" s="7"/>
      <c r="D9" s="23">
        <v>100</v>
      </c>
      <c r="E9" s="24">
        <v>21.5</v>
      </c>
      <c r="F9" s="25">
        <v>75.599999999999994</v>
      </c>
      <c r="G9" s="26">
        <v>2.9</v>
      </c>
    </row>
    <row r="10" spans="2:7" x14ac:dyDescent="0.2">
      <c r="B10" s="29"/>
      <c r="C10" s="2" t="s">
        <v>13</v>
      </c>
      <c r="D10" s="19">
        <v>89</v>
      </c>
      <c r="E10" s="20">
        <v>19</v>
      </c>
      <c r="F10" s="21">
        <v>56</v>
      </c>
      <c r="G10" s="22">
        <v>14</v>
      </c>
    </row>
    <row r="11" spans="2:7" x14ac:dyDescent="0.2">
      <c r="B11" s="30"/>
      <c r="C11" s="10"/>
      <c r="D11" s="15">
        <v>100</v>
      </c>
      <c r="E11" s="16">
        <v>21.3</v>
      </c>
      <c r="F11" s="17">
        <v>62.9</v>
      </c>
      <c r="G11" s="18">
        <v>15.7</v>
      </c>
    </row>
    <row r="12" spans="2:7" x14ac:dyDescent="0.2">
      <c r="B12" s="28" t="s">
        <v>54</v>
      </c>
      <c r="C12" s="9" t="s">
        <v>12</v>
      </c>
      <c r="D12" s="11">
        <v>1241</v>
      </c>
      <c r="E12" s="12">
        <v>262</v>
      </c>
      <c r="F12" s="13">
        <v>917</v>
      </c>
      <c r="G12" s="14">
        <v>62</v>
      </c>
    </row>
    <row r="13" spans="2:7" x14ac:dyDescent="0.2">
      <c r="B13" s="29"/>
      <c r="C13" s="8"/>
      <c r="D13" s="15">
        <v>100</v>
      </c>
      <c r="E13" s="16">
        <v>21.1</v>
      </c>
      <c r="F13" s="17">
        <v>73.900000000000006</v>
      </c>
      <c r="G13" s="18">
        <v>5</v>
      </c>
    </row>
    <row r="14" spans="2:7" x14ac:dyDescent="0.2">
      <c r="B14" s="29"/>
      <c r="C14" s="2" t="s">
        <v>50</v>
      </c>
      <c r="D14" s="19">
        <v>84</v>
      </c>
      <c r="E14" s="20">
        <v>16</v>
      </c>
      <c r="F14" s="21">
        <v>65</v>
      </c>
      <c r="G14" s="22">
        <v>3</v>
      </c>
    </row>
    <row r="15" spans="2:7" x14ac:dyDescent="0.2">
      <c r="B15" s="29"/>
      <c r="C15" s="7"/>
      <c r="D15" s="23">
        <v>100</v>
      </c>
      <c r="E15" s="24">
        <v>19</v>
      </c>
      <c r="F15" s="25">
        <v>77.400000000000006</v>
      </c>
      <c r="G15" s="26">
        <v>3.6</v>
      </c>
    </row>
    <row r="16" spans="2:7" x14ac:dyDescent="0.2">
      <c r="B16" s="29"/>
      <c r="C16" s="2" t="s">
        <v>49</v>
      </c>
      <c r="D16" s="19">
        <v>97</v>
      </c>
      <c r="E16" s="20">
        <v>18</v>
      </c>
      <c r="F16" s="21">
        <v>76</v>
      </c>
      <c r="G16" s="22">
        <v>3</v>
      </c>
    </row>
    <row r="17" spans="2:7" x14ac:dyDescent="0.2">
      <c r="B17" s="29"/>
      <c r="C17" s="7"/>
      <c r="D17" s="23">
        <v>100</v>
      </c>
      <c r="E17" s="24">
        <v>18.600000000000001</v>
      </c>
      <c r="F17" s="25">
        <v>78.400000000000006</v>
      </c>
      <c r="G17" s="26">
        <v>3.1</v>
      </c>
    </row>
    <row r="18" spans="2:7" x14ac:dyDescent="0.2">
      <c r="B18" s="29"/>
      <c r="C18" s="2" t="s">
        <v>48</v>
      </c>
      <c r="D18" s="19">
        <v>79</v>
      </c>
      <c r="E18" s="20">
        <v>13</v>
      </c>
      <c r="F18" s="21">
        <v>64</v>
      </c>
      <c r="G18" s="22">
        <v>2</v>
      </c>
    </row>
    <row r="19" spans="2:7" x14ac:dyDescent="0.2">
      <c r="B19" s="29"/>
      <c r="C19" s="7"/>
      <c r="D19" s="23">
        <v>100</v>
      </c>
      <c r="E19" s="24">
        <v>16.5</v>
      </c>
      <c r="F19" s="25">
        <v>81</v>
      </c>
      <c r="G19" s="26">
        <v>2.5</v>
      </c>
    </row>
    <row r="20" spans="2:7" x14ac:dyDescent="0.2">
      <c r="B20" s="29"/>
      <c r="C20" s="2" t="s">
        <v>47</v>
      </c>
      <c r="D20" s="19">
        <v>72</v>
      </c>
      <c r="E20" s="20">
        <v>10</v>
      </c>
      <c r="F20" s="21">
        <v>61</v>
      </c>
      <c r="G20" s="22">
        <v>1</v>
      </c>
    </row>
    <row r="21" spans="2:7" x14ac:dyDescent="0.2">
      <c r="B21" s="29"/>
      <c r="C21" s="7"/>
      <c r="D21" s="23">
        <v>100</v>
      </c>
      <c r="E21" s="24">
        <v>13.9</v>
      </c>
      <c r="F21" s="25">
        <v>84.7</v>
      </c>
      <c r="G21" s="26">
        <v>1.4</v>
      </c>
    </row>
    <row r="22" spans="2:7" x14ac:dyDescent="0.2">
      <c r="B22" s="29"/>
      <c r="C22" s="2" t="s">
        <v>46</v>
      </c>
      <c r="D22" s="19">
        <v>15</v>
      </c>
      <c r="E22" s="20">
        <v>5</v>
      </c>
      <c r="F22" s="21">
        <v>9</v>
      </c>
      <c r="G22" s="22">
        <v>1</v>
      </c>
    </row>
    <row r="23" spans="2:7" x14ac:dyDescent="0.2">
      <c r="B23" s="29"/>
      <c r="C23" s="7"/>
      <c r="D23" s="23">
        <v>100</v>
      </c>
      <c r="E23" s="24">
        <v>33.299999999999997</v>
      </c>
      <c r="F23" s="25">
        <v>60</v>
      </c>
      <c r="G23" s="26">
        <v>6.7</v>
      </c>
    </row>
    <row r="24" spans="2:7" x14ac:dyDescent="0.2">
      <c r="B24" s="29"/>
      <c r="C24" s="2" t="s">
        <v>45</v>
      </c>
      <c r="D24" s="19">
        <v>77</v>
      </c>
      <c r="E24" s="20">
        <v>9</v>
      </c>
      <c r="F24" s="21">
        <v>67</v>
      </c>
      <c r="G24" s="22">
        <v>1</v>
      </c>
    </row>
    <row r="25" spans="2:7" x14ac:dyDescent="0.2">
      <c r="B25" s="29"/>
      <c r="C25" s="7"/>
      <c r="D25" s="23">
        <v>100</v>
      </c>
      <c r="E25" s="24">
        <v>11.7</v>
      </c>
      <c r="F25" s="25">
        <v>87</v>
      </c>
      <c r="G25" s="26">
        <v>1.3</v>
      </c>
    </row>
    <row r="26" spans="2:7" x14ac:dyDescent="0.2">
      <c r="B26" s="29"/>
      <c r="C26" s="2" t="s">
        <v>44</v>
      </c>
      <c r="D26" s="19">
        <v>260</v>
      </c>
      <c r="E26" s="20">
        <v>50</v>
      </c>
      <c r="F26" s="21">
        <v>196</v>
      </c>
      <c r="G26" s="22">
        <v>14</v>
      </c>
    </row>
    <row r="27" spans="2:7" x14ac:dyDescent="0.2">
      <c r="B27" s="29"/>
      <c r="C27" s="7"/>
      <c r="D27" s="23">
        <v>100</v>
      </c>
      <c r="E27" s="24">
        <v>19.2</v>
      </c>
      <c r="F27" s="25">
        <v>75.400000000000006</v>
      </c>
      <c r="G27" s="26">
        <v>5.4</v>
      </c>
    </row>
    <row r="28" spans="2:7" x14ac:dyDescent="0.2">
      <c r="B28" s="29"/>
      <c r="C28" s="2" t="s">
        <v>43</v>
      </c>
      <c r="D28" s="19">
        <v>334</v>
      </c>
      <c r="E28" s="20">
        <v>79</v>
      </c>
      <c r="F28" s="21">
        <v>236</v>
      </c>
      <c r="G28" s="22">
        <v>19</v>
      </c>
    </row>
    <row r="29" spans="2:7" x14ac:dyDescent="0.2">
      <c r="B29" s="29"/>
      <c r="C29" s="7"/>
      <c r="D29" s="23">
        <v>100</v>
      </c>
      <c r="E29" s="24">
        <v>23.7</v>
      </c>
      <c r="F29" s="25">
        <v>70.7</v>
      </c>
      <c r="G29" s="26">
        <v>5.7</v>
      </c>
    </row>
    <row r="30" spans="2:7" x14ac:dyDescent="0.2">
      <c r="B30" s="29"/>
      <c r="C30" s="2" t="s">
        <v>14</v>
      </c>
      <c r="D30" s="19">
        <v>28</v>
      </c>
      <c r="E30" s="20">
        <v>5</v>
      </c>
      <c r="F30" s="21">
        <v>18</v>
      </c>
      <c r="G30" s="22">
        <v>5</v>
      </c>
    </row>
    <row r="31" spans="2:7" x14ac:dyDescent="0.2">
      <c r="B31" s="29"/>
      <c r="C31" s="7"/>
      <c r="D31" s="23">
        <v>100</v>
      </c>
      <c r="E31" s="24">
        <v>17.899999999999999</v>
      </c>
      <c r="F31" s="25">
        <v>64.3</v>
      </c>
      <c r="G31" s="26">
        <v>17.899999999999999</v>
      </c>
    </row>
    <row r="32" spans="2:7" x14ac:dyDescent="0.2">
      <c r="B32" s="29"/>
      <c r="C32" s="2" t="s">
        <v>42</v>
      </c>
      <c r="D32" s="19">
        <v>390</v>
      </c>
      <c r="E32" s="20">
        <v>94</v>
      </c>
      <c r="F32" s="21">
        <v>286</v>
      </c>
      <c r="G32" s="22">
        <v>10</v>
      </c>
    </row>
    <row r="33" spans="2:7" x14ac:dyDescent="0.2">
      <c r="B33" s="29"/>
      <c r="C33" s="7"/>
      <c r="D33" s="23">
        <v>100</v>
      </c>
      <c r="E33" s="24">
        <v>24.1</v>
      </c>
      <c r="F33" s="25">
        <v>73.3</v>
      </c>
      <c r="G33" s="26">
        <v>2.6</v>
      </c>
    </row>
    <row r="34" spans="2:7" x14ac:dyDescent="0.2">
      <c r="B34" s="29"/>
      <c r="C34" s="2" t="s">
        <v>13</v>
      </c>
      <c r="D34" s="19">
        <v>70</v>
      </c>
      <c r="E34" s="20">
        <v>14</v>
      </c>
      <c r="F34" s="21">
        <v>45</v>
      </c>
      <c r="G34" s="22">
        <v>11</v>
      </c>
    </row>
    <row r="35" spans="2:7" x14ac:dyDescent="0.2">
      <c r="B35" s="30"/>
      <c r="C35" s="10"/>
      <c r="D35" s="15">
        <v>100</v>
      </c>
      <c r="E35" s="16">
        <v>20</v>
      </c>
      <c r="F35" s="17">
        <v>64.3</v>
      </c>
      <c r="G35" s="18">
        <v>15.7</v>
      </c>
    </row>
    <row r="36" spans="2:7" x14ac:dyDescent="0.2">
      <c r="B36" s="28" t="s">
        <v>53</v>
      </c>
      <c r="C36" s="9" t="s">
        <v>12</v>
      </c>
      <c r="D36" s="11">
        <v>1241</v>
      </c>
      <c r="E36" s="12">
        <v>262</v>
      </c>
      <c r="F36" s="13">
        <v>917</v>
      </c>
      <c r="G36" s="14">
        <v>62</v>
      </c>
    </row>
    <row r="37" spans="2:7" x14ac:dyDescent="0.2">
      <c r="B37" s="29"/>
      <c r="C37" s="8"/>
      <c r="D37" s="15">
        <v>100</v>
      </c>
      <c r="E37" s="16">
        <v>21.1</v>
      </c>
      <c r="F37" s="17">
        <v>73.900000000000006</v>
      </c>
      <c r="G37" s="18">
        <v>5</v>
      </c>
    </row>
    <row r="38" spans="2:7" x14ac:dyDescent="0.2">
      <c r="B38" s="29"/>
      <c r="C38" s="2" t="s">
        <v>41</v>
      </c>
      <c r="D38" s="19">
        <v>799</v>
      </c>
      <c r="E38" s="20">
        <v>168</v>
      </c>
      <c r="F38" s="21">
        <v>613</v>
      </c>
      <c r="G38" s="22">
        <v>18</v>
      </c>
    </row>
    <row r="39" spans="2:7" x14ac:dyDescent="0.2">
      <c r="B39" s="29"/>
      <c r="C39" s="7"/>
      <c r="D39" s="23">
        <v>100</v>
      </c>
      <c r="E39" s="24">
        <v>21</v>
      </c>
      <c r="F39" s="25">
        <v>76.7</v>
      </c>
      <c r="G39" s="26">
        <v>2.2999999999999998</v>
      </c>
    </row>
    <row r="40" spans="2:7" x14ac:dyDescent="0.2">
      <c r="B40" s="29"/>
      <c r="C40" s="2" t="s">
        <v>40</v>
      </c>
      <c r="D40" s="19">
        <v>182</v>
      </c>
      <c r="E40" s="20">
        <v>46</v>
      </c>
      <c r="F40" s="21">
        <v>125</v>
      </c>
      <c r="G40" s="22">
        <v>11</v>
      </c>
    </row>
    <row r="41" spans="2:7" x14ac:dyDescent="0.2">
      <c r="B41" s="29"/>
      <c r="C41" s="7"/>
      <c r="D41" s="23">
        <v>100</v>
      </c>
      <c r="E41" s="24">
        <v>25.3</v>
      </c>
      <c r="F41" s="25">
        <v>68.7</v>
      </c>
      <c r="G41" s="26">
        <v>6</v>
      </c>
    </row>
    <row r="42" spans="2:7" x14ac:dyDescent="0.2">
      <c r="B42" s="29"/>
      <c r="C42" s="2" t="s">
        <v>39</v>
      </c>
      <c r="D42" s="19">
        <v>72</v>
      </c>
      <c r="E42" s="20">
        <v>10</v>
      </c>
      <c r="F42" s="21">
        <v>61</v>
      </c>
      <c r="G42" s="22">
        <v>1</v>
      </c>
    </row>
    <row r="43" spans="2:7" x14ac:dyDescent="0.2">
      <c r="B43" s="29"/>
      <c r="C43" s="7"/>
      <c r="D43" s="23">
        <v>100</v>
      </c>
      <c r="E43" s="24">
        <v>13.9</v>
      </c>
      <c r="F43" s="25">
        <v>84.7</v>
      </c>
      <c r="G43" s="26">
        <v>1.4</v>
      </c>
    </row>
    <row r="44" spans="2:7" x14ac:dyDescent="0.2">
      <c r="B44" s="29"/>
      <c r="C44" s="2" t="s">
        <v>38</v>
      </c>
      <c r="D44" s="19">
        <v>127</v>
      </c>
      <c r="E44" s="20">
        <v>27</v>
      </c>
      <c r="F44" s="21">
        <v>78</v>
      </c>
      <c r="G44" s="22">
        <v>22</v>
      </c>
    </row>
    <row r="45" spans="2:7" x14ac:dyDescent="0.2">
      <c r="B45" s="29"/>
      <c r="C45" s="7"/>
      <c r="D45" s="23">
        <v>100</v>
      </c>
      <c r="E45" s="24">
        <v>21.3</v>
      </c>
      <c r="F45" s="25">
        <v>61.4</v>
      </c>
      <c r="G45" s="26">
        <v>17.3</v>
      </c>
    </row>
    <row r="46" spans="2:7" x14ac:dyDescent="0.2">
      <c r="B46" s="29"/>
      <c r="C46" s="2" t="s">
        <v>13</v>
      </c>
      <c r="D46" s="19">
        <v>61</v>
      </c>
      <c r="E46" s="20">
        <v>11</v>
      </c>
      <c r="F46" s="21">
        <v>40</v>
      </c>
      <c r="G46" s="22">
        <v>10</v>
      </c>
    </row>
    <row r="47" spans="2:7" x14ac:dyDescent="0.2">
      <c r="B47" s="30"/>
      <c r="C47" s="10"/>
      <c r="D47" s="15">
        <v>100</v>
      </c>
      <c r="E47" s="16">
        <v>18</v>
      </c>
      <c r="F47" s="17">
        <v>65.599999999999994</v>
      </c>
      <c r="G47" s="18">
        <v>16.399999999999999</v>
      </c>
    </row>
  </sheetData>
  <mergeCells count="3">
    <mergeCell ref="B4:B11"/>
    <mergeCell ref="B12:B35"/>
    <mergeCell ref="B36:B47"/>
  </mergeCells>
  <phoneticPr fontId="2"/>
  <pageMargins left="0.7" right="0.7" top="0.75" bottom="0.75" header="0.3" footer="0.3"/>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topLeftCell="A2" workbookViewId="0">
      <selection activeCell="F2" sqref="F2"/>
    </sheetView>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74</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107</v>
      </c>
      <c r="F4" s="32">
        <v>1088</v>
      </c>
      <c r="G4" s="14">
        <v>46</v>
      </c>
    </row>
    <row r="5" spans="2:7" x14ac:dyDescent="0.2">
      <c r="B5" s="29"/>
      <c r="C5" s="8"/>
      <c r="D5" s="15">
        <v>100</v>
      </c>
      <c r="E5" s="16">
        <v>8.6</v>
      </c>
      <c r="F5" s="17">
        <v>87.7</v>
      </c>
      <c r="G5" s="18">
        <v>3.7</v>
      </c>
    </row>
    <row r="6" spans="2:7" x14ac:dyDescent="0.2">
      <c r="B6" s="29"/>
      <c r="C6" s="2" t="s">
        <v>30</v>
      </c>
      <c r="D6" s="19">
        <v>499</v>
      </c>
      <c r="E6" s="20">
        <v>39</v>
      </c>
      <c r="F6" s="21">
        <v>448</v>
      </c>
      <c r="G6" s="22">
        <v>12</v>
      </c>
    </row>
    <row r="7" spans="2:7" x14ac:dyDescent="0.2">
      <c r="B7" s="29"/>
      <c r="C7" s="7"/>
      <c r="D7" s="23">
        <v>100</v>
      </c>
      <c r="E7" s="24">
        <v>7.8</v>
      </c>
      <c r="F7" s="25">
        <v>89.8</v>
      </c>
      <c r="G7" s="26">
        <v>2.4</v>
      </c>
    </row>
    <row r="8" spans="2:7" x14ac:dyDescent="0.2">
      <c r="B8" s="29"/>
      <c r="C8" s="2" t="s">
        <v>29</v>
      </c>
      <c r="D8" s="19">
        <v>150</v>
      </c>
      <c r="E8" s="20">
        <v>15</v>
      </c>
      <c r="F8" s="21">
        <v>131</v>
      </c>
      <c r="G8" s="22">
        <v>4</v>
      </c>
    </row>
    <row r="9" spans="2:7" x14ac:dyDescent="0.2">
      <c r="B9" s="29"/>
      <c r="C9" s="7"/>
      <c r="D9" s="23">
        <v>100</v>
      </c>
      <c r="E9" s="24">
        <v>10</v>
      </c>
      <c r="F9" s="25">
        <v>87.3</v>
      </c>
      <c r="G9" s="26">
        <v>2.7</v>
      </c>
    </row>
    <row r="10" spans="2:7" x14ac:dyDescent="0.2">
      <c r="B10" s="29"/>
      <c r="C10" s="2" t="s">
        <v>28</v>
      </c>
      <c r="D10" s="19">
        <v>82</v>
      </c>
      <c r="E10" s="20">
        <v>12</v>
      </c>
      <c r="F10" s="21">
        <v>66</v>
      </c>
      <c r="G10" s="22">
        <v>4</v>
      </c>
    </row>
    <row r="11" spans="2:7" x14ac:dyDescent="0.2">
      <c r="B11" s="29"/>
      <c r="C11" s="7"/>
      <c r="D11" s="23">
        <v>100</v>
      </c>
      <c r="E11" s="24">
        <v>14.6</v>
      </c>
      <c r="F11" s="25">
        <v>80.5</v>
      </c>
      <c r="G11" s="26">
        <v>4.9000000000000004</v>
      </c>
    </row>
    <row r="12" spans="2:7" x14ac:dyDescent="0.2">
      <c r="B12" s="29"/>
      <c r="C12" s="2" t="s">
        <v>27</v>
      </c>
      <c r="D12" s="19">
        <v>92</v>
      </c>
      <c r="E12" s="20">
        <v>12</v>
      </c>
      <c r="F12" s="21">
        <v>75</v>
      </c>
      <c r="G12" s="22">
        <v>5</v>
      </c>
    </row>
    <row r="13" spans="2:7" x14ac:dyDescent="0.2">
      <c r="B13" s="29"/>
      <c r="C13" s="7"/>
      <c r="D13" s="23">
        <v>100</v>
      </c>
      <c r="E13" s="24">
        <v>13</v>
      </c>
      <c r="F13" s="25">
        <v>81.5</v>
      </c>
      <c r="G13" s="26">
        <v>5.4</v>
      </c>
    </row>
    <row r="14" spans="2:7" x14ac:dyDescent="0.2">
      <c r="B14" s="29"/>
      <c r="C14" s="2" t="s">
        <v>26</v>
      </c>
      <c r="D14" s="19">
        <v>112</v>
      </c>
      <c r="E14" s="20">
        <v>10</v>
      </c>
      <c r="F14" s="21">
        <v>99</v>
      </c>
      <c r="G14" s="22">
        <v>3</v>
      </c>
    </row>
    <row r="15" spans="2:7" x14ac:dyDescent="0.2">
      <c r="B15" s="29"/>
      <c r="C15" s="7"/>
      <c r="D15" s="23">
        <v>100</v>
      </c>
      <c r="E15" s="24">
        <v>8.9</v>
      </c>
      <c r="F15" s="25">
        <v>88.4</v>
      </c>
      <c r="G15" s="26">
        <v>2.7</v>
      </c>
    </row>
    <row r="16" spans="2:7" x14ac:dyDescent="0.2">
      <c r="B16" s="29"/>
      <c r="C16" s="2" t="s">
        <v>25</v>
      </c>
      <c r="D16" s="19">
        <v>188</v>
      </c>
      <c r="E16" s="20">
        <v>13</v>
      </c>
      <c r="F16" s="21">
        <v>166</v>
      </c>
      <c r="G16" s="22">
        <v>9</v>
      </c>
    </row>
    <row r="17" spans="2:7" x14ac:dyDescent="0.2">
      <c r="B17" s="29"/>
      <c r="C17" s="7"/>
      <c r="D17" s="23">
        <v>100</v>
      </c>
      <c r="E17" s="24">
        <v>6.9</v>
      </c>
      <c r="F17" s="25">
        <v>88.3</v>
      </c>
      <c r="G17" s="26">
        <v>4.8</v>
      </c>
    </row>
    <row r="18" spans="2:7" x14ac:dyDescent="0.2">
      <c r="B18" s="29"/>
      <c r="C18" s="2" t="s">
        <v>24</v>
      </c>
      <c r="D18" s="19">
        <v>60</v>
      </c>
      <c r="E18" s="20">
        <v>3</v>
      </c>
      <c r="F18" s="21">
        <v>55</v>
      </c>
      <c r="G18" s="22">
        <v>2</v>
      </c>
    </row>
    <row r="19" spans="2:7" x14ac:dyDescent="0.2">
      <c r="B19" s="29"/>
      <c r="C19" s="7"/>
      <c r="D19" s="23">
        <v>100</v>
      </c>
      <c r="E19" s="24">
        <v>5</v>
      </c>
      <c r="F19" s="25">
        <v>91.7</v>
      </c>
      <c r="G19" s="26">
        <v>3.3</v>
      </c>
    </row>
    <row r="20" spans="2:7" x14ac:dyDescent="0.2">
      <c r="B20" s="29"/>
      <c r="C20" s="2" t="s">
        <v>13</v>
      </c>
      <c r="D20" s="19">
        <v>58</v>
      </c>
      <c r="E20" s="20">
        <v>3</v>
      </c>
      <c r="F20" s="21">
        <v>48</v>
      </c>
      <c r="G20" s="22">
        <v>7</v>
      </c>
    </row>
    <row r="21" spans="2:7" x14ac:dyDescent="0.2">
      <c r="B21" s="30"/>
      <c r="C21" s="10"/>
      <c r="D21" s="15">
        <v>100</v>
      </c>
      <c r="E21" s="16">
        <v>5.2</v>
      </c>
      <c r="F21" s="17">
        <v>82.8</v>
      </c>
      <c r="G21" s="18">
        <v>12.1</v>
      </c>
    </row>
    <row r="22" spans="2:7" x14ac:dyDescent="0.2">
      <c r="B22" s="28" t="s">
        <v>35</v>
      </c>
      <c r="C22" s="9" t="s">
        <v>12</v>
      </c>
      <c r="D22" s="11">
        <v>1241</v>
      </c>
      <c r="E22" s="12">
        <v>107</v>
      </c>
      <c r="F22" s="32">
        <v>1088</v>
      </c>
      <c r="G22" s="14">
        <v>46</v>
      </c>
    </row>
    <row r="23" spans="2:7" x14ac:dyDescent="0.2">
      <c r="B23" s="29"/>
      <c r="C23" s="8"/>
      <c r="D23" s="15">
        <v>100</v>
      </c>
      <c r="E23" s="16">
        <v>8.6</v>
      </c>
      <c r="F23" s="17">
        <v>87.7</v>
      </c>
      <c r="G23" s="18">
        <v>3.7</v>
      </c>
    </row>
    <row r="24" spans="2:7" x14ac:dyDescent="0.2">
      <c r="B24" s="29"/>
      <c r="C24" s="2" t="s">
        <v>23</v>
      </c>
      <c r="D24" s="19">
        <v>563</v>
      </c>
      <c r="E24" s="20">
        <v>62</v>
      </c>
      <c r="F24" s="21">
        <v>487</v>
      </c>
      <c r="G24" s="22">
        <v>14</v>
      </c>
    </row>
    <row r="25" spans="2:7" x14ac:dyDescent="0.2">
      <c r="B25" s="29"/>
      <c r="C25" s="7"/>
      <c r="D25" s="23">
        <v>100</v>
      </c>
      <c r="E25" s="24">
        <v>11</v>
      </c>
      <c r="F25" s="25">
        <v>86.5</v>
      </c>
      <c r="G25" s="26">
        <v>2.5</v>
      </c>
    </row>
    <row r="26" spans="2:7" x14ac:dyDescent="0.2">
      <c r="B26" s="29"/>
      <c r="C26" s="2" t="s">
        <v>22</v>
      </c>
      <c r="D26" s="19">
        <v>607</v>
      </c>
      <c r="E26" s="20">
        <v>41</v>
      </c>
      <c r="F26" s="21">
        <v>541</v>
      </c>
      <c r="G26" s="22">
        <v>25</v>
      </c>
    </row>
    <row r="27" spans="2:7" x14ac:dyDescent="0.2">
      <c r="B27" s="29"/>
      <c r="C27" s="7"/>
      <c r="D27" s="23">
        <v>100</v>
      </c>
      <c r="E27" s="24">
        <v>6.8</v>
      </c>
      <c r="F27" s="25">
        <v>89.1</v>
      </c>
      <c r="G27" s="26">
        <v>4.0999999999999996</v>
      </c>
    </row>
    <row r="28" spans="2:7" x14ac:dyDescent="0.2">
      <c r="B28" s="29"/>
      <c r="C28" s="2" t="s">
        <v>13</v>
      </c>
      <c r="D28" s="19">
        <v>71</v>
      </c>
      <c r="E28" s="20">
        <v>4</v>
      </c>
      <c r="F28" s="21">
        <v>60</v>
      </c>
      <c r="G28" s="22">
        <v>7</v>
      </c>
    </row>
    <row r="29" spans="2:7" x14ac:dyDescent="0.2">
      <c r="B29" s="30"/>
      <c r="C29" s="10"/>
      <c r="D29" s="15">
        <v>100</v>
      </c>
      <c r="E29" s="16">
        <v>5.6</v>
      </c>
      <c r="F29" s="17">
        <v>84.5</v>
      </c>
      <c r="G29" s="18">
        <v>9.9</v>
      </c>
    </row>
    <row r="30" spans="2:7" x14ac:dyDescent="0.2">
      <c r="B30" s="28" t="s">
        <v>34</v>
      </c>
      <c r="C30" s="9" t="s">
        <v>12</v>
      </c>
      <c r="D30" s="11">
        <v>1241</v>
      </c>
      <c r="E30" s="12">
        <v>107</v>
      </c>
      <c r="F30" s="32">
        <v>1088</v>
      </c>
      <c r="G30" s="14">
        <v>46</v>
      </c>
    </row>
    <row r="31" spans="2:7" x14ac:dyDescent="0.2">
      <c r="B31" s="29"/>
      <c r="C31" s="8"/>
      <c r="D31" s="15">
        <v>100</v>
      </c>
      <c r="E31" s="16">
        <v>8.6</v>
      </c>
      <c r="F31" s="17">
        <v>87.7</v>
      </c>
      <c r="G31" s="18">
        <v>3.7</v>
      </c>
    </row>
    <row r="32" spans="2:7" x14ac:dyDescent="0.2">
      <c r="B32" s="29"/>
      <c r="C32" s="2" t="s">
        <v>138</v>
      </c>
      <c r="D32" s="19">
        <v>3</v>
      </c>
      <c r="E32" s="20">
        <v>1</v>
      </c>
      <c r="F32" s="21">
        <v>2</v>
      </c>
      <c r="G32" s="22" t="s">
        <v>152</v>
      </c>
    </row>
    <row r="33" spans="2:7" x14ac:dyDescent="0.2">
      <c r="B33" s="29"/>
      <c r="C33" s="7"/>
      <c r="D33" s="23">
        <v>100</v>
      </c>
      <c r="E33" s="24">
        <v>33.299999999999997</v>
      </c>
      <c r="F33" s="25">
        <v>66.7</v>
      </c>
      <c r="G33" s="26" t="s">
        <v>152</v>
      </c>
    </row>
    <row r="34" spans="2:7" x14ac:dyDescent="0.2">
      <c r="B34" s="29"/>
      <c r="C34" s="2" t="s">
        <v>139</v>
      </c>
      <c r="D34" s="19">
        <v>51</v>
      </c>
      <c r="E34" s="20">
        <v>5</v>
      </c>
      <c r="F34" s="21">
        <v>46</v>
      </c>
      <c r="G34" s="22" t="s">
        <v>152</v>
      </c>
    </row>
    <row r="35" spans="2:7" x14ac:dyDescent="0.2">
      <c r="B35" s="29"/>
      <c r="C35" s="7"/>
      <c r="D35" s="23">
        <v>100</v>
      </c>
      <c r="E35" s="24">
        <v>9.8000000000000007</v>
      </c>
      <c r="F35" s="25">
        <v>90.2</v>
      </c>
      <c r="G35" s="26" t="s">
        <v>152</v>
      </c>
    </row>
    <row r="36" spans="2:7" x14ac:dyDescent="0.2">
      <c r="B36" s="29"/>
      <c r="C36" s="2" t="s">
        <v>147</v>
      </c>
      <c r="D36" s="19">
        <v>54</v>
      </c>
      <c r="E36" s="20">
        <v>6</v>
      </c>
      <c r="F36" s="21">
        <v>48</v>
      </c>
      <c r="G36" s="22" t="s">
        <v>152</v>
      </c>
    </row>
    <row r="37" spans="2:7" x14ac:dyDescent="0.2">
      <c r="B37" s="29"/>
      <c r="C37" s="7"/>
      <c r="D37" s="23">
        <v>100</v>
      </c>
      <c r="E37" s="24">
        <v>11.111111111111111</v>
      </c>
      <c r="F37" s="25">
        <v>88.888888888888886</v>
      </c>
      <c r="G37" s="26" t="s">
        <v>152</v>
      </c>
    </row>
    <row r="38" spans="2:7" x14ac:dyDescent="0.2">
      <c r="B38" s="29"/>
      <c r="C38" s="2" t="s">
        <v>140</v>
      </c>
      <c r="D38" s="19">
        <v>116</v>
      </c>
      <c r="E38" s="20">
        <v>7</v>
      </c>
      <c r="F38" s="21">
        <v>104</v>
      </c>
      <c r="G38" s="22">
        <v>5</v>
      </c>
    </row>
    <row r="39" spans="2:7" x14ac:dyDescent="0.2">
      <c r="B39" s="29"/>
      <c r="C39" s="7"/>
      <c r="D39" s="23">
        <v>100</v>
      </c>
      <c r="E39" s="24">
        <v>6</v>
      </c>
      <c r="F39" s="25">
        <v>89.7</v>
      </c>
      <c r="G39" s="26">
        <v>4.3</v>
      </c>
    </row>
    <row r="40" spans="2:7" x14ac:dyDescent="0.2">
      <c r="B40" s="29"/>
      <c r="C40" s="2" t="s">
        <v>141</v>
      </c>
      <c r="D40" s="19">
        <v>200</v>
      </c>
      <c r="E40" s="20">
        <v>15</v>
      </c>
      <c r="F40" s="21">
        <v>180</v>
      </c>
      <c r="G40" s="22">
        <v>5</v>
      </c>
    </row>
    <row r="41" spans="2:7" x14ac:dyDescent="0.2">
      <c r="B41" s="29"/>
      <c r="C41" s="7"/>
      <c r="D41" s="23">
        <v>100</v>
      </c>
      <c r="E41" s="24">
        <v>7.5</v>
      </c>
      <c r="F41" s="25">
        <v>90</v>
      </c>
      <c r="G41" s="26">
        <v>2.5</v>
      </c>
    </row>
    <row r="42" spans="2:7" x14ac:dyDescent="0.2">
      <c r="B42" s="29"/>
      <c r="C42" s="2" t="s">
        <v>142</v>
      </c>
      <c r="D42" s="19">
        <v>289</v>
      </c>
      <c r="E42" s="20">
        <v>24</v>
      </c>
      <c r="F42" s="21">
        <v>257</v>
      </c>
      <c r="G42" s="22">
        <v>8</v>
      </c>
    </row>
    <row r="43" spans="2:7" x14ac:dyDescent="0.2">
      <c r="B43" s="29"/>
      <c r="C43" s="7"/>
      <c r="D43" s="23">
        <v>100</v>
      </c>
      <c r="E43" s="24">
        <v>8.3000000000000007</v>
      </c>
      <c r="F43" s="25">
        <v>88.9</v>
      </c>
      <c r="G43" s="26">
        <v>2.8</v>
      </c>
    </row>
    <row r="44" spans="2:7" x14ac:dyDescent="0.2">
      <c r="B44" s="29"/>
      <c r="C44" s="2" t="s">
        <v>143</v>
      </c>
      <c r="D44" s="19">
        <v>247</v>
      </c>
      <c r="E44" s="20">
        <v>16</v>
      </c>
      <c r="F44" s="21">
        <v>227</v>
      </c>
      <c r="G44" s="22">
        <v>4</v>
      </c>
    </row>
    <row r="45" spans="2:7" x14ac:dyDescent="0.2">
      <c r="B45" s="29"/>
      <c r="C45" s="7"/>
      <c r="D45" s="23">
        <v>100</v>
      </c>
      <c r="E45" s="24">
        <v>6.5</v>
      </c>
      <c r="F45" s="25">
        <v>91.9</v>
      </c>
      <c r="G45" s="26">
        <v>1.6</v>
      </c>
    </row>
    <row r="46" spans="2:7" x14ac:dyDescent="0.2">
      <c r="B46" s="29"/>
      <c r="C46" s="2" t="s">
        <v>144</v>
      </c>
      <c r="D46" s="19">
        <v>125</v>
      </c>
      <c r="E46" s="20">
        <v>14</v>
      </c>
      <c r="F46" s="21">
        <v>106</v>
      </c>
      <c r="G46" s="22">
        <v>5</v>
      </c>
    </row>
    <row r="47" spans="2:7" x14ac:dyDescent="0.2">
      <c r="B47" s="29"/>
      <c r="C47" s="7"/>
      <c r="D47" s="23">
        <v>100</v>
      </c>
      <c r="E47" s="24">
        <v>11.2</v>
      </c>
      <c r="F47" s="25">
        <v>84.8</v>
      </c>
      <c r="G47" s="26">
        <v>4</v>
      </c>
    </row>
    <row r="48" spans="2:7" x14ac:dyDescent="0.2">
      <c r="B48" s="29"/>
      <c r="C48" s="2" t="s">
        <v>145</v>
      </c>
      <c r="D48" s="19">
        <v>150</v>
      </c>
      <c r="E48" s="20">
        <v>21</v>
      </c>
      <c r="F48" s="21">
        <v>118</v>
      </c>
      <c r="G48" s="22">
        <v>11</v>
      </c>
    </row>
    <row r="49" spans="2:7" x14ac:dyDescent="0.2">
      <c r="B49" s="29"/>
      <c r="C49" s="7"/>
      <c r="D49" s="23">
        <v>100</v>
      </c>
      <c r="E49" s="24">
        <v>14</v>
      </c>
      <c r="F49" s="25">
        <v>78.7</v>
      </c>
      <c r="G49" s="26">
        <v>7.3</v>
      </c>
    </row>
    <row r="50" spans="2:7" x14ac:dyDescent="0.2">
      <c r="B50" s="29"/>
      <c r="C50" s="2" t="s">
        <v>146</v>
      </c>
      <c r="D50" s="19">
        <v>60</v>
      </c>
      <c r="E50" s="20">
        <v>4</v>
      </c>
      <c r="F50" s="21">
        <v>48</v>
      </c>
      <c r="G50" s="22">
        <v>8</v>
      </c>
    </row>
    <row r="51" spans="2:7" x14ac:dyDescent="0.2">
      <c r="B51" s="29"/>
      <c r="C51" s="10"/>
      <c r="D51" s="23">
        <v>100</v>
      </c>
      <c r="E51" s="24">
        <v>6.7</v>
      </c>
      <c r="F51" s="25">
        <v>80</v>
      </c>
      <c r="G51" s="26">
        <v>13.3</v>
      </c>
    </row>
    <row r="52" spans="2:7" x14ac:dyDescent="0.2">
      <c r="B52" s="28" t="s">
        <v>33</v>
      </c>
      <c r="C52" s="9" t="s">
        <v>12</v>
      </c>
      <c r="D52" s="11">
        <v>1241</v>
      </c>
      <c r="E52" s="12">
        <v>107</v>
      </c>
      <c r="F52" s="32">
        <v>1088</v>
      </c>
      <c r="G52" s="14">
        <v>46</v>
      </c>
    </row>
    <row r="53" spans="2:7" x14ac:dyDescent="0.2">
      <c r="B53" s="29"/>
      <c r="C53" s="8"/>
      <c r="D53" s="15">
        <v>100</v>
      </c>
      <c r="E53" s="16">
        <v>8.6</v>
      </c>
      <c r="F53" s="17">
        <v>87.7</v>
      </c>
      <c r="G53" s="18">
        <v>3.7</v>
      </c>
    </row>
    <row r="54" spans="2:7" x14ac:dyDescent="0.2">
      <c r="B54" s="29"/>
      <c r="C54" s="2" t="s">
        <v>57</v>
      </c>
      <c r="D54" s="19">
        <v>2</v>
      </c>
      <c r="E54" s="20">
        <v>1</v>
      </c>
      <c r="F54" s="21">
        <v>1</v>
      </c>
      <c r="G54" s="22" t="s">
        <v>152</v>
      </c>
    </row>
    <row r="55" spans="2:7" x14ac:dyDescent="0.2">
      <c r="B55" s="29"/>
      <c r="C55" s="7"/>
      <c r="D55" s="23">
        <v>100</v>
      </c>
      <c r="E55" s="24">
        <v>50</v>
      </c>
      <c r="F55" s="25">
        <v>50</v>
      </c>
      <c r="G55" s="26" t="s">
        <v>152</v>
      </c>
    </row>
    <row r="56" spans="2:7" x14ac:dyDescent="0.2">
      <c r="B56" s="29"/>
      <c r="C56" s="2" t="s">
        <v>63</v>
      </c>
      <c r="D56" s="19">
        <v>20</v>
      </c>
      <c r="E56" s="20">
        <v>2</v>
      </c>
      <c r="F56" s="21">
        <v>18</v>
      </c>
      <c r="G56" s="22" t="s">
        <v>152</v>
      </c>
    </row>
    <row r="57" spans="2:7" x14ac:dyDescent="0.2">
      <c r="B57" s="29"/>
      <c r="C57" s="7"/>
      <c r="D57" s="23">
        <v>100</v>
      </c>
      <c r="E57" s="24">
        <v>10</v>
      </c>
      <c r="F57" s="25">
        <v>90</v>
      </c>
      <c r="G57" s="26" t="s">
        <v>152</v>
      </c>
    </row>
    <row r="58" spans="2:7" x14ac:dyDescent="0.2">
      <c r="B58" s="29"/>
      <c r="C58" s="2" t="s">
        <v>148</v>
      </c>
      <c r="D58" s="19">
        <v>22</v>
      </c>
      <c r="E58" s="20">
        <v>3</v>
      </c>
      <c r="F58" s="21">
        <v>19</v>
      </c>
      <c r="G58" s="22" t="s">
        <v>152</v>
      </c>
    </row>
    <row r="59" spans="2:7" x14ac:dyDescent="0.2">
      <c r="B59" s="29"/>
      <c r="C59" s="7"/>
      <c r="D59" s="23">
        <v>100</v>
      </c>
      <c r="E59" s="24">
        <v>13.636363636363635</v>
      </c>
      <c r="F59" s="25">
        <v>86.36363636363636</v>
      </c>
      <c r="G59" s="26" t="s">
        <v>152</v>
      </c>
    </row>
    <row r="60" spans="2:7" x14ac:dyDescent="0.2">
      <c r="B60" s="29"/>
      <c r="C60" s="2" t="s">
        <v>64</v>
      </c>
      <c r="D60" s="19">
        <v>51</v>
      </c>
      <c r="E60" s="20">
        <v>4</v>
      </c>
      <c r="F60" s="21">
        <v>47</v>
      </c>
      <c r="G60" s="22" t="s">
        <v>152</v>
      </c>
    </row>
    <row r="61" spans="2:7" x14ac:dyDescent="0.2">
      <c r="B61" s="29"/>
      <c r="C61" s="7"/>
      <c r="D61" s="23">
        <v>100</v>
      </c>
      <c r="E61" s="24">
        <v>7.8</v>
      </c>
      <c r="F61" s="25">
        <v>92.2</v>
      </c>
      <c r="G61" s="26" t="s">
        <v>152</v>
      </c>
    </row>
    <row r="62" spans="2:7" x14ac:dyDescent="0.2">
      <c r="B62" s="29"/>
      <c r="C62" s="2" t="s">
        <v>65</v>
      </c>
      <c r="D62" s="19">
        <v>88</v>
      </c>
      <c r="E62" s="20">
        <v>8</v>
      </c>
      <c r="F62" s="21">
        <v>80</v>
      </c>
      <c r="G62" s="22" t="s">
        <v>152</v>
      </c>
    </row>
    <row r="63" spans="2:7" x14ac:dyDescent="0.2">
      <c r="B63" s="29"/>
      <c r="C63" s="7"/>
      <c r="D63" s="23">
        <v>100</v>
      </c>
      <c r="E63" s="24">
        <v>9.1</v>
      </c>
      <c r="F63" s="25">
        <v>90.9</v>
      </c>
      <c r="G63" s="26" t="s">
        <v>152</v>
      </c>
    </row>
    <row r="64" spans="2:7" x14ac:dyDescent="0.2">
      <c r="B64" s="29"/>
      <c r="C64" s="2" t="s">
        <v>66</v>
      </c>
      <c r="D64" s="19">
        <v>146</v>
      </c>
      <c r="E64" s="20">
        <v>16</v>
      </c>
      <c r="F64" s="21">
        <v>127</v>
      </c>
      <c r="G64" s="22">
        <v>3</v>
      </c>
    </row>
    <row r="65" spans="2:7" x14ac:dyDescent="0.2">
      <c r="B65" s="29"/>
      <c r="C65" s="7"/>
      <c r="D65" s="23">
        <v>100</v>
      </c>
      <c r="E65" s="24">
        <v>11</v>
      </c>
      <c r="F65" s="25">
        <v>87</v>
      </c>
      <c r="G65" s="26">
        <v>2.1</v>
      </c>
    </row>
    <row r="66" spans="2:7" x14ac:dyDescent="0.2">
      <c r="B66" s="29"/>
      <c r="C66" s="2" t="s">
        <v>67</v>
      </c>
      <c r="D66" s="19">
        <v>133</v>
      </c>
      <c r="E66" s="20">
        <v>13</v>
      </c>
      <c r="F66" s="21">
        <v>117</v>
      </c>
      <c r="G66" s="22">
        <v>3</v>
      </c>
    </row>
    <row r="67" spans="2:7" x14ac:dyDescent="0.2">
      <c r="B67" s="29"/>
      <c r="C67" s="7"/>
      <c r="D67" s="23">
        <v>100</v>
      </c>
      <c r="E67" s="24">
        <v>9.8000000000000007</v>
      </c>
      <c r="F67" s="25">
        <v>88</v>
      </c>
      <c r="G67" s="26">
        <v>2.2999999999999998</v>
      </c>
    </row>
    <row r="68" spans="2:7" x14ac:dyDescent="0.2">
      <c r="B68" s="29"/>
      <c r="C68" s="2" t="s">
        <v>58</v>
      </c>
      <c r="D68" s="19">
        <v>57</v>
      </c>
      <c r="E68" s="20">
        <v>6</v>
      </c>
      <c r="F68" s="21">
        <v>48</v>
      </c>
      <c r="G68" s="22">
        <v>3</v>
      </c>
    </row>
    <row r="69" spans="2:7" x14ac:dyDescent="0.2">
      <c r="B69" s="29"/>
      <c r="C69" s="7"/>
      <c r="D69" s="23">
        <v>100</v>
      </c>
      <c r="E69" s="24">
        <v>10.5</v>
      </c>
      <c r="F69" s="25">
        <v>84.2</v>
      </c>
      <c r="G69" s="26">
        <v>5.3</v>
      </c>
    </row>
    <row r="70" spans="2:7" x14ac:dyDescent="0.2">
      <c r="B70" s="29"/>
      <c r="C70" s="2" t="s">
        <v>68</v>
      </c>
      <c r="D70" s="19">
        <v>65</v>
      </c>
      <c r="E70" s="20">
        <v>12</v>
      </c>
      <c r="F70" s="21">
        <v>49</v>
      </c>
      <c r="G70" s="22">
        <v>4</v>
      </c>
    </row>
    <row r="71" spans="2:7" x14ac:dyDescent="0.2">
      <c r="B71" s="29"/>
      <c r="C71" s="7"/>
      <c r="D71" s="23">
        <v>100</v>
      </c>
      <c r="E71" s="24">
        <v>18.5</v>
      </c>
      <c r="F71" s="25">
        <v>75.400000000000006</v>
      </c>
      <c r="G71" s="26">
        <v>6.2</v>
      </c>
    </row>
    <row r="72" spans="2:7" x14ac:dyDescent="0.2">
      <c r="B72" s="29"/>
      <c r="C72" s="2" t="s">
        <v>59</v>
      </c>
      <c r="D72" s="19">
        <v>1</v>
      </c>
      <c r="E72" s="20" t="s">
        <v>152</v>
      </c>
      <c r="F72" s="21">
        <v>1</v>
      </c>
      <c r="G72" s="22" t="s">
        <v>152</v>
      </c>
    </row>
    <row r="73" spans="2:7" x14ac:dyDescent="0.2">
      <c r="B73" s="29"/>
      <c r="C73" s="7"/>
      <c r="D73" s="23">
        <v>100</v>
      </c>
      <c r="E73" s="24" t="s">
        <v>152</v>
      </c>
      <c r="F73" s="25">
        <v>100</v>
      </c>
      <c r="G73" s="26" t="s">
        <v>152</v>
      </c>
    </row>
    <row r="74" spans="2:7" x14ac:dyDescent="0.2">
      <c r="B74" s="29"/>
      <c r="C74" s="2" t="s">
        <v>69</v>
      </c>
      <c r="D74" s="19">
        <v>29</v>
      </c>
      <c r="E74" s="20">
        <v>3</v>
      </c>
      <c r="F74" s="21">
        <v>26</v>
      </c>
      <c r="G74" s="22" t="s">
        <v>152</v>
      </c>
    </row>
    <row r="75" spans="2:7" x14ac:dyDescent="0.2">
      <c r="B75" s="29"/>
      <c r="C75" s="7"/>
      <c r="D75" s="23">
        <v>100</v>
      </c>
      <c r="E75" s="24">
        <v>10.3</v>
      </c>
      <c r="F75" s="25">
        <v>89.7</v>
      </c>
      <c r="G75" s="26" t="s">
        <v>152</v>
      </c>
    </row>
    <row r="76" spans="2:7" x14ac:dyDescent="0.2">
      <c r="B76" s="29"/>
      <c r="C76" s="2" t="s">
        <v>149</v>
      </c>
      <c r="D76" s="19">
        <v>30</v>
      </c>
      <c r="E76" s="20">
        <v>3</v>
      </c>
      <c r="F76" s="21">
        <v>27</v>
      </c>
      <c r="G76" s="22" t="s">
        <v>152</v>
      </c>
    </row>
    <row r="77" spans="2:7" x14ac:dyDescent="0.2">
      <c r="B77" s="29"/>
      <c r="C77" s="7"/>
      <c r="D77" s="23">
        <v>100</v>
      </c>
      <c r="E77" s="24">
        <v>10</v>
      </c>
      <c r="F77" s="25">
        <v>90</v>
      </c>
      <c r="G77" s="26" t="s">
        <v>152</v>
      </c>
    </row>
    <row r="78" spans="2:7" x14ac:dyDescent="0.2">
      <c r="B78" s="29"/>
      <c r="C78" s="2" t="s">
        <v>70</v>
      </c>
      <c r="D78" s="19">
        <v>64</v>
      </c>
      <c r="E78" s="20">
        <v>3</v>
      </c>
      <c r="F78" s="21">
        <v>56</v>
      </c>
      <c r="G78" s="22">
        <v>5</v>
      </c>
    </row>
    <row r="79" spans="2:7" x14ac:dyDescent="0.2">
      <c r="B79" s="29"/>
      <c r="C79" s="7"/>
      <c r="D79" s="23">
        <v>100</v>
      </c>
      <c r="E79" s="24">
        <v>4.7</v>
      </c>
      <c r="F79" s="25">
        <v>87.5</v>
      </c>
      <c r="G79" s="26">
        <v>7.8</v>
      </c>
    </row>
    <row r="80" spans="2:7" x14ac:dyDescent="0.2">
      <c r="B80" s="29"/>
      <c r="C80" s="2" t="s">
        <v>71</v>
      </c>
      <c r="D80" s="19">
        <v>112</v>
      </c>
      <c r="E80" s="20">
        <v>7</v>
      </c>
      <c r="F80" s="21">
        <v>100</v>
      </c>
      <c r="G80" s="22">
        <v>5</v>
      </c>
    </row>
    <row r="81" spans="2:7" x14ac:dyDescent="0.2">
      <c r="B81" s="29"/>
      <c r="C81" s="7"/>
      <c r="D81" s="23">
        <v>100</v>
      </c>
      <c r="E81" s="24">
        <v>6.3</v>
      </c>
      <c r="F81" s="25">
        <v>89.3</v>
      </c>
      <c r="G81" s="26">
        <v>4.5</v>
      </c>
    </row>
    <row r="82" spans="2:7" x14ac:dyDescent="0.2">
      <c r="B82" s="29"/>
      <c r="C82" s="2" t="s">
        <v>72</v>
      </c>
      <c r="D82" s="19">
        <v>137</v>
      </c>
      <c r="E82" s="20">
        <v>7</v>
      </c>
      <c r="F82" s="21">
        <v>125</v>
      </c>
      <c r="G82" s="22">
        <v>5</v>
      </c>
    </row>
    <row r="83" spans="2:7" x14ac:dyDescent="0.2">
      <c r="B83" s="29"/>
      <c r="C83" s="7"/>
      <c r="D83" s="23">
        <v>100</v>
      </c>
      <c r="E83" s="24">
        <v>5.0999999999999996</v>
      </c>
      <c r="F83" s="25">
        <v>91.2</v>
      </c>
      <c r="G83" s="26">
        <v>3.6</v>
      </c>
    </row>
    <row r="84" spans="2:7" x14ac:dyDescent="0.2">
      <c r="B84" s="29"/>
      <c r="C84" s="2" t="s">
        <v>73</v>
      </c>
      <c r="D84" s="19">
        <v>112</v>
      </c>
      <c r="E84" s="20">
        <v>3</v>
      </c>
      <c r="F84" s="21">
        <v>108</v>
      </c>
      <c r="G84" s="22">
        <v>1</v>
      </c>
    </row>
    <row r="85" spans="2:7" x14ac:dyDescent="0.2">
      <c r="B85" s="29"/>
      <c r="C85" s="7"/>
      <c r="D85" s="23">
        <v>100</v>
      </c>
      <c r="E85" s="24">
        <v>2.7</v>
      </c>
      <c r="F85" s="25">
        <v>96.4</v>
      </c>
      <c r="G85" s="26">
        <v>0.9</v>
      </c>
    </row>
    <row r="86" spans="2:7" x14ac:dyDescent="0.2">
      <c r="B86" s="29"/>
      <c r="C86" s="2" t="s">
        <v>60</v>
      </c>
      <c r="D86" s="19">
        <v>66</v>
      </c>
      <c r="E86" s="20">
        <v>8</v>
      </c>
      <c r="F86" s="21">
        <v>56</v>
      </c>
      <c r="G86" s="22">
        <v>2</v>
      </c>
    </row>
    <row r="87" spans="2:7" x14ac:dyDescent="0.2">
      <c r="B87" s="29"/>
      <c r="C87" s="7"/>
      <c r="D87" s="23">
        <v>100</v>
      </c>
      <c r="E87" s="24">
        <v>12.1</v>
      </c>
      <c r="F87" s="25">
        <v>84.8</v>
      </c>
      <c r="G87" s="26">
        <v>3</v>
      </c>
    </row>
    <row r="88" spans="2:7" x14ac:dyDescent="0.2">
      <c r="B88" s="29"/>
      <c r="C88" s="2" t="s">
        <v>74</v>
      </c>
      <c r="D88" s="19">
        <v>83</v>
      </c>
      <c r="E88" s="20">
        <v>9</v>
      </c>
      <c r="F88" s="21">
        <v>67</v>
      </c>
      <c r="G88" s="22">
        <v>7</v>
      </c>
    </row>
    <row r="89" spans="2:7" x14ac:dyDescent="0.2">
      <c r="B89" s="29"/>
      <c r="C89" s="7"/>
      <c r="D89" s="23">
        <v>100</v>
      </c>
      <c r="E89" s="24">
        <v>10.8</v>
      </c>
      <c r="F89" s="25">
        <v>80.7</v>
      </c>
      <c r="G89" s="26">
        <v>8.4</v>
      </c>
    </row>
    <row r="90" spans="2:7" x14ac:dyDescent="0.2">
      <c r="B90" s="29"/>
      <c r="C90" s="2" t="s">
        <v>0</v>
      </c>
      <c r="D90" s="19">
        <v>75</v>
      </c>
      <c r="E90" s="20">
        <v>5</v>
      </c>
      <c r="F90" s="21">
        <v>62</v>
      </c>
      <c r="G90" s="22">
        <v>8</v>
      </c>
    </row>
    <row r="91" spans="2:7" x14ac:dyDescent="0.2">
      <c r="B91" s="29"/>
      <c r="C91" s="7"/>
      <c r="D91" s="23">
        <v>100</v>
      </c>
      <c r="E91" s="24">
        <v>6.7</v>
      </c>
      <c r="F91" s="25">
        <v>82.7</v>
      </c>
      <c r="G91" s="26">
        <v>10.7</v>
      </c>
    </row>
    <row r="92" spans="2:7" x14ac:dyDescent="0.2">
      <c r="B92" s="28" t="s">
        <v>32</v>
      </c>
      <c r="C92" s="9" t="s">
        <v>12</v>
      </c>
      <c r="D92" s="11">
        <v>1241</v>
      </c>
      <c r="E92" s="12">
        <v>107</v>
      </c>
      <c r="F92" s="32">
        <v>1088</v>
      </c>
      <c r="G92" s="14">
        <v>46</v>
      </c>
    </row>
    <row r="93" spans="2:7" x14ac:dyDescent="0.2">
      <c r="B93" s="29"/>
      <c r="C93" s="8"/>
      <c r="D93" s="15">
        <v>100</v>
      </c>
      <c r="E93" s="16">
        <v>8.6</v>
      </c>
      <c r="F93" s="17">
        <v>87.7</v>
      </c>
      <c r="G93" s="18">
        <v>3.7</v>
      </c>
    </row>
    <row r="94" spans="2:7" x14ac:dyDescent="0.2">
      <c r="B94" s="29"/>
      <c r="C94" s="2" t="s">
        <v>21</v>
      </c>
      <c r="D94" s="19">
        <v>65</v>
      </c>
      <c r="E94" s="20">
        <v>8</v>
      </c>
      <c r="F94" s="21">
        <v>54</v>
      </c>
      <c r="G94" s="22">
        <v>3</v>
      </c>
    </row>
    <row r="95" spans="2:7" x14ac:dyDescent="0.2">
      <c r="B95" s="29"/>
      <c r="C95" s="7"/>
      <c r="D95" s="23">
        <v>100</v>
      </c>
      <c r="E95" s="24">
        <v>12.3</v>
      </c>
      <c r="F95" s="25">
        <v>83.1</v>
      </c>
      <c r="G95" s="26">
        <v>4.5999999999999996</v>
      </c>
    </row>
    <row r="96" spans="2:7" x14ac:dyDescent="0.2">
      <c r="B96" s="29"/>
      <c r="C96" s="2" t="s">
        <v>20</v>
      </c>
      <c r="D96" s="19">
        <v>7</v>
      </c>
      <c r="E96" s="20">
        <v>1</v>
      </c>
      <c r="F96" s="21">
        <v>6</v>
      </c>
      <c r="G96" s="22" t="s">
        <v>152</v>
      </c>
    </row>
    <row r="97" spans="2:7" x14ac:dyDescent="0.2">
      <c r="B97" s="29"/>
      <c r="C97" s="7"/>
      <c r="D97" s="23">
        <v>100</v>
      </c>
      <c r="E97" s="24">
        <v>14.3</v>
      </c>
      <c r="F97" s="25">
        <v>85.7</v>
      </c>
      <c r="G97" s="26" t="s">
        <v>152</v>
      </c>
    </row>
    <row r="98" spans="2:7" x14ac:dyDescent="0.2">
      <c r="B98" s="29"/>
      <c r="C98" s="2" t="s">
        <v>19</v>
      </c>
      <c r="D98" s="19">
        <v>484</v>
      </c>
      <c r="E98" s="20">
        <v>26</v>
      </c>
      <c r="F98" s="21">
        <v>449</v>
      </c>
      <c r="G98" s="22">
        <v>9</v>
      </c>
    </row>
    <row r="99" spans="2:7" x14ac:dyDescent="0.2">
      <c r="B99" s="29"/>
      <c r="C99" s="7"/>
      <c r="D99" s="23">
        <v>100</v>
      </c>
      <c r="E99" s="24">
        <v>5.4</v>
      </c>
      <c r="F99" s="25">
        <v>92.8</v>
      </c>
      <c r="G99" s="26">
        <v>1.9</v>
      </c>
    </row>
    <row r="100" spans="2:7" x14ac:dyDescent="0.2">
      <c r="B100" s="29"/>
      <c r="C100" s="2" t="s">
        <v>18</v>
      </c>
      <c r="D100" s="19">
        <v>195</v>
      </c>
      <c r="E100" s="20">
        <v>16</v>
      </c>
      <c r="F100" s="21">
        <v>169</v>
      </c>
      <c r="G100" s="22">
        <v>10</v>
      </c>
    </row>
    <row r="101" spans="2:7" x14ac:dyDescent="0.2">
      <c r="B101" s="29"/>
      <c r="C101" s="7"/>
      <c r="D101" s="23">
        <v>100</v>
      </c>
      <c r="E101" s="24">
        <v>8.1999999999999993</v>
      </c>
      <c r="F101" s="25">
        <v>86.7</v>
      </c>
      <c r="G101" s="26">
        <v>5.0999999999999996</v>
      </c>
    </row>
    <row r="102" spans="2:7" x14ac:dyDescent="0.2">
      <c r="B102" s="29"/>
      <c r="C102" s="2" t="s">
        <v>17</v>
      </c>
      <c r="D102" s="19">
        <v>1</v>
      </c>
      <c r="E102" s="20" t="s">
        <v>152</v>
      </c>
      <c r="F102" s="21">
        <v>1</v>
      </c>
      <c r="G102" s="22" t="s">
        <v>152</v>
      </c>
    </row>
    <row r="103" spans="2:7" x14ac:dyDescent="0.2">
      <c r="B103" s="29"/>
      <c r="C103" s="7"/>
      <c r="D103" s="23">
        <v>100</v>
      </c>
      <c r="E103" s="24" t="s">
        <v>152</v>
      </c>
      <c r="F103" s="25">
        <v>100</v>
      </c>
      <c r="G103" s="26" t="s">
        <v>152</v>
      </c>
    </row>
    <row r="104" spans="2:7" x14ac:dyDescent="0.2">
      <c r="B104" s="29"/>
      <c r="C104" s="2" t="s">
        <v>151</v>
      </c>
      <c r="D104" s="19">
        <v>178</v>
      </c>
      <c r="E104" s="20">
        <v>23</v>
      </c>
      <c r="F104" s="21">
        <v>151</v>
      </c>
      <c r="G104" s="22">
        <v>4</v>
      </c>
    </row>
    <row r="105" spans="2:7" x14ac:dyDescent="0.2">
      <c r="B105" s="29"/>
      <c r="C105" s="7"/>
      <c r="D105" s="23">
        <v>100</v>
      </c>
      <c r="E105" s="24">
        <v>12.9</v>
      </c>
      <c r="F105" s="25">
        <v>84.8</v>
      </c>
      <c r="G105" s="26">
        <v>2.2000000000000002</v>
      </c>
    </row>
    <row r="106" spans="2:7" x14ac:dyDescent="0.2">
      <c r="B106" s="29"/>
      <c r="C106" s="2" t="s">
        <v>16</v>
      </c>
      <c r="D106" s="19">
        <v>10</v>
      </c>
      <c r="E106" s="20">
        <v>3</v>
      </c>
      <c r="F106" s="21">
        <v>7</v>
      </c>
      <c r="G106" s="22" t="s">
        <v>152</v>
      </c>
    </row>
    <row r="107" spans="2:7" x14ac:dyDescent="0.2">
      <c r="B107" s="29"/>
      <c r="C107" s="7"/>
      <c r="D107" s="23">
        <v>100</v>
      </c>
      <c r="E107" s="24">
        <v>30</v>
      </c>
      <c r="F107" s="25">
        <v>70</v>
      </c>
      <c r="G107" s="26" t="s">
        <v>152</v>
      </c>
    </row>
    <row r="108" spans="2:7" x14ac:dyDescent="0.2">
      <c r="B108" s="29"/>
      <c r="C108" s="2" t="s">
        <v>15</v>
      </c>
      <c r="D108" s="19">
        <v>211</v>
      </c>
      <c r="E108" s="20">
        <v>23</v>
      </c>
      <c r="F108" s="21">
        <v>176</v>
      </c>
      <c r="G108" s="22">
        <v>12</v>
      </c>
    </row>
    <row r="109" spans="2:7" x14ac:dyDescent="0.2">
      <c r="B109" s="29"/>
      <c r="C109" s="7"/>
      <c r="D109" s="23">
        <v>100</v>
      </c>
      <c r="E109" s="24">
        <v>10.9</v>
      </c>
      <c r="F109" s="25">
        <v>83.4</v>
      </c>
      <c r="G109" s="26">
        <v>5.7</v>
      </c>
    </row>
    <row r="110" spans="2:7" x14ac:dyDescent="0.2">
      <c r="B110" s="29"/>
      <c r="C110" s="2" t="s">
        <v>14</v>
      </c>
      <c r="D110" s="19">
        <v>12</v>
      </c>
      <c r="E110" s="20">
        <v>1</v>
      </c>
      <c r="F110" s="21">
        <v>11</v>
      </c>
      <c r="G110" s="22" t="s">
        <v>152</v>
      </c>
    </row>
    <row r="111" spans="2:7" x14ac:dyDescent="0.2">
      <c r="B111" s="29"/>
      <c r="C111" s="7"/>
      <c r="D111" s="23">
        <v>100</v>
      </c>
      <c r="E111" s="24">
        <v>8.3000000000000007</v>
      </c>
      <c r="F111" s="25">
        <v>91.7</v>
      </c>
      <c r="G111" s="26" t="s">
        <v>152</v>
      </c>
    </row>
    <row r="112" spans="2:7" x14ac:dyDescent="0.2">
      <c r="B112" s="29"/>
      <c r="C112" s="2" t="s">
        <v>13</v>
      </c>
      <c r="D112" s="19">
        <v>78</v>
      </c>
      <c r="E112" s="20">
        <v>6</v>
      </c>
      <c r="F112" s="21">
        <v>64</v>
      </c>
      <c r="G112" s="22">
        <v>8</v>
      </c>
    </row>
    <row r="113" spans="2:7" x14ac:dyDescent="0.2">
      <c r="B113" s="30"/>
      <c r="C113" s="10"/>
      <c r="D113" s="15">
        <v>100</v>
      </c>
      <c r="E113" s="16">
        <v>7.7</v>
      </c>
      <c r="F113" s="17">
        <v>82.1</v>
      </c>
      <c r="G113" s="18">
        <v>10.3</v>
      </c>
    </row>
    <row r="114" spans="2:7" x14ac:dyDescent="0.2">
      <c r="B114" s="28" t="s">
        <v>31</v>
      </c>
      <c r="C114" s="9" t="s">
        <v>12</v>
      </c>
      <c r="D114" s="11">
        <v>752</v>
      </c>
      <c r="E114" s="12">
        <v>51</v>
      </c>
      <c r="F114" s="13">
        <v>679</v>
      </c>
      <c r="G114" s="14">
        <v>22</v>
      </c>
    </row>
    <row r="115" spans="2:7" x14ac:dyDescent="0.2">
      <c r="B115" s="29"/>
      <c r="C115" s="8"/>
      <c r="D115" s="15">
        <v>100</v>
      </c>
      <c r="E115" s="16">
        <v>6.8</v>
      </c>
      <c r="F115" s="17">
        <v>90.3</v>
      </c>
      <c r="G115" s="18">
        <v>2.9</v>
      </c>
    </row>
    <row r="116" spans="2:7" x14ac:dyDescent="0.2">
      <c r="B116" s="29"/>
      <c r="C116" s="2" t="s">
        <v>11</v>
      </c>
      <c r="D116" s="19">
        <v>2</v>
      </c>
      <c r="E116" s="20" t="s">
        <v>152</v>
      </c>
      <c r="F116" s="21">
        <v>1</v>
      </c>
      <c r="G116" s="22">
        <v>1</v>
      </c>
    </row>
    <row r="117" spans="2:7" x14ac:dyDescent="0.2">
      <c r="B117" s="29"/>
      <c r="C117" s="7"/>
      <c r="D117" s="23">
        <v>100</v>
      </c>
      <c r="E117" s="24" t="s">
        <v>152</v>
      </c>
      <c r="F117" s="25">
        <v>50</v>
      </c>
      <c r="G117" s="26">
        <v>50</v>
      </c>
    </row>
    <row r="118" spans="2:7" x14ac:dyDescent="0.2">
      <c r="B118" s="29"/>
      <c r="C118" s="2" t="s">
        <v>10</v>
      </c>
      <c r="D118" s="19">
        <v>32</v>
      </c>
      <c r="E118" s="20">
        <v>3</v>
      </c>
      <c r="F118" s="21">
        <v>28</v>
      </c>
      <c r="G118" s="22">
        <v>1</v>
      </c>
    </row>
    <row r="119" spans="2:7" x14ac:dyDescent="0.2">
      <c r="B119" s="29"/>
      <c r="C119" s="7"/>
      <c r="D119" s="23">
        <v>100</v>
      </c>
      <c r="E119" s="24">
        <v>9.4</v>
      </c>
      <c r="F119" s="25">
        <v>87.5</v>
      </c>
      <c r="G119" s="26">
        <v>3.1</v>
      </c>
    </row>
    <row r="120" spans="2:7" x14ac:dyDescent="0.2">
      <c r="B120" s="29"/>
      <c r="C120" s="2" t="s">
        <v>9</v>
      </c>
      <c r="D120" s="19">
        <v>33</v>
      </c>
      <c r="E120" s="20">
        <v>4</v>
      </c>
      <c r="F120" s="21">
        <v>28</v>
      </c>
      <c r="G120" s="22">
        <v>1</v>
      </c>
    </row>
    <row r="121" spans="2:7" x14ac:dyDescent="0.2">
      <c r="B121" s="29"/>
      <c r="C121" s="7"/>
      <c r="D121" s="23">
        <v>100</v>
      </c>
      <c r="E121" s="24">
        <v>12.1</v>
      </c>
      <c r="F121" s="25">
        <v>84.8</v>
      </c>
      <c r="G121" s="26">
        <v>3</v>
      </c>
    </row>
    <row r="122" spans="2:7" x14ac:dyDescent="0.2">
      <c r="B122" s="29"/>
      <c r="C122" s="2" t="s">
        <v>8</v>
      </c>
      <c r="D122" s="19">
        <v>71</v>
      </c>
      <c r="E122" s="20">
        <v>7</v>
      </c>
      <c r="F122" s="21">
        <v>63</v>
      </c>
      <c r="G122" s="22">
        <v>1</v>
      </c>
    </row>
    <row r="123" spans="2:7" x14ac:dyDescent="0.2">
      <c r="B123" s="29"/>
      <c r="C123" s="7"/>
      <c r="D123" s="23">
        <v>100</v>
      </c>
      <c r="E123" s="24">
        <v>9.9</v>
      </c>
      <c r="F123" s="25">
        <v>88.7</v>
      </c>
      <c r="G123" s="26">
        <v>1.4</v>
      </c>
    </row>
    <row r="124" spans="2:7" x14ac:dyDescent="0.2">
      <c r="B124" s="29"/>
      <c r="C124" s="2" t="s">
        <v>7</v>
      </c>
      <c r="D124" s="19">
        <v>152</v>
      </c>
      <c r="E124" s="20">
        <v>7</v>
      </c>
      <c r="F124" s="21">
        <v>141</v>
      </c>
      <c r="G124" s="22">
        <v>4</v>
      </c>
    </row>
    <row r="125" spans="2:7" x14ac:dyDescent="0.2">
      <c r="B125" s="29"/>
      <c r="C125" s="7"/>
      <c r="D125" s="23">
        <v>100</v>
      </c>
      <c r="E125" s="24">
        <v>4.5999999999999996</v>
      </c>
      <c r="F125" s="25">
        <v>92.8</v>
      </c>
      <c r="G125" s="26">
        <v>2.6</v>
      </c>
    </row>
    <row r="126" spans="2:7" x14ac:dyDescent="0.2">
      <c r="B126" s="29"/>
      <c r="C126" s="2" t="s">
        <v>6</v>
      </c>
      <c r="D126" s="19">
        <v>176</v>
      </c>
      <c r="E126" s="20">
        <v>10</v>
      </c>
      <c r="F126" s="21">
        <v>164</v>
      </c>
      <c r="G126" s="22">
        <v>2</v>
      </c>
    </row>
    <row r="127" spans="2:7" x14ac:dyDescent="0.2">
      <c r="B127" s="29"/>
      <c r="C127" s="7"/>
      <c r="D127" s="23">
        <v>100</v>
      </c>
      <c r="E127" s="24">
        <v>5.7</v>
      </c>
      <c r="F127" s="25">
        <v>93.2</v>
      </c>
      <c r="G127" s="26">
        <v>1.1000000000000001</v>
      </c>
    </row>
    <row r="128" spans="2:7" x14ac:dyDescent="0.2">
      <c r="B128" s="29"/>
      <c r="C128" s="2" t="s">
        <v>5</v>
      </c>
      <c r="D128" s="19">
        <v>37</v>
      </c>
      <c r="E128" s="20" t="s">
        <v>152</v>
      </c>
      <c r="F128" s="21">
        <v>34</v>
      </c>
      <c r="G128" s="22">
        <v>3</v>
      </c>
    </row>
    <row r="129" spans="2:7" x14ac:dyDescent="0.2">
      <c r="B129" s="29"/>
      <c r="C129" s="7"/>
      <c r="D129" s="23">
        <v>100</v>
      </c>
      <c r="E129" s="24" t="s">
        <v>152</v>
      </c>
      <c r="F129" s="25">
        <v>91.9</v>
      </c>
      <c r="G129" s="26">
        <v>8.1</v>
      </c>
    </row>
    <row r="130" spans="2:7" x14ac:dyDescent="0.2">
      <c r="B130" s="29"/>
      <c r="C130" s="2" t="s">
        <v>4</v>
      </c>
      <c r="D130" s="19">
        <v>67</v>
      </c>
      <c r="E130" s="20">
        <v>7</v>
      </c>
      <c r="F130" s="21">
        <v>59</v>
      </c>
      <c r="G130" s="22">
        <v>1</v>
      </c>
    </row>
    <row r="131" spans="2:7" x14ac:dyDescent="0.2">
      <c r="B131" s="29"/>
      <c r="C131" s="7"/>
      <c r="D131" s="23">
        <v>100</v>
      </c>
      <c r="E131" s="24">
        <v>10.4</v>
      </c>
      <c r="F131" s="25">
        <v>88.1</v>
      </c>
      <c r="G131" s="26">
        <v>1.5</v>
      </c>
    </row>
    <row r="132" spans="2:7" x14ac:dyDescent="0.2">
      <c r="B132" s="29"/>
      <c r="C132" s="2" t="s">
        <v>3</v>
      </c>
      <c r="D132" s="19">
        <v>159</v>
      </c>
      <c r="E132" s="20">
        <v>11</v>
      </c>
      <c r="F132" s="21">
        <v>141</v>
      </c>
      <c r="G132" s="22">
        <v>7</v>
      </c>
    </row>
    <row r="133" spans="2:7" x14ac:dyDescent="0.2">
      <c r="B133" s="29"/>
      <c r="C133" s="7"/>
      <c r="D133" s="23">
        <v>100</v>
      </c>
      <c r="E133" s="24">
        <v>6.9</v>
      </c>
      <c r="F133" s="25">
        <v>88.7</v>
      </c>
      <c r="G133" s="26">
        <v>4.4000000000000004</v>
      </c>
    </row>
    <row r="134" spans="2:7" x14ac:dyDescent="0.2">
      <c r="B134" s="29"/>
      <c r="C134" s="2" t="s">
        <v>2</v>
      </c>
      <c r="D134" s="19">
        <v>23</v>
      </c>
      <c r="E134" s="20">
        <v>2</v>
      </c>
      <c r="F134" s="21">
        <v>20</v>
      </c>
      <c r="G134" s="22">
        <v>1</v>
      </c>
    </row>
    <row r="135" spans="2:7" x14ac:dyDescent="0.2">
      <c r="B135" s="30"/>
      <c r="C135" s="10"/>
      <c r="D135" s="15">
        <v>100</v>
      </c>
      <c r="E135" s="16">
        <v>8.6999999999999993</v>
      </c>
      <c r="F135" s="17">
        <v>87</v>
      </c>
      <c r="G135" s="18">
        <v>4.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topLeftCell="A13" workbookViewId="0">
      <selection activeCell="F56" sqref="F56"/>
    </sheetView>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74</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107</v>
      </c>
      <c r="F4" s="32">
        <v>1088</v>
      </c>
      <c r="G4" s="14">
        <v>46</v>
      </c>
    </row>
    <row r="5" spans="2:7" x14ac:dyDescent="0.2">
      <c r="B5" s="29"/>
      <c r="C5" s="8"/>
      <c r="D5" s="15">
        <v>100</v>
      </c>
      <c r="E5" s="16">
        <v>8.6</v>
      </c>
      <c r="F5" s="17">
        <v>87.7</v>
      </c>
      <c r="G5" s="18">
        <v>3.7</v>
      </c>
    </row>
    <row r="6" spans="2:7" x14ac:dyDescent="0.2">
      <c r="B6" s="29"/>
      <c r="C6" s="2" t="s">
        <v>52</v>
      </c>
      <c r="D6" s="19">
        <v>557</v>
      </c>
      <c r="E6" s="20">
        <v>60</v>
      </c>
      <c r="F6" s="21">
        <v>479</v>
      </c>
      <c r="G6" s="22">
        <v>18</v>
      </c>
    </row>
    <row r="7" spans="2:7" x14ac:dyDescent="0.2">
      <c r="B7" s="29"/>
      <c r="C7" s="7"/>
      <c r="D7" s="23">
        <v>100</v>
      </c>
      <c r="E7" s="24">
        <v>10.8</v>
      </c>
      <c r="F7" s="25">
        <v>86</v>
      </c>
      <c r="G7" s="26">
        <v>3.2</v>
      </c>
    </row>
    <row r="8" spans="2:7" x14ac:dyDescent="0.2">
      <c r="B8" s="29"/>
      <c r="C8" s="2" t="s">
        <v>51</v>
      </c>
      <c r="D8" s="19">
        <v>595</v>
      </c>
      <c r="E8" s="20">
        <v>42</v>
      </c>
      <c r="F8" s="21">
        <v>538</v>
      </c>
      <c r="G8" s="22">
        <v>15</v>
      </c>
    </row>
    <row r="9" spans="2:7" x14ac:dyDescent="0.2">
      <c r="B9" s="29"/>
      <c r="C9" s="7"/>
      <c r="D9" s="23">
        <v>100</v>
      </c>
      <c r="E9" s="24">
        <v>7.1</v>
      </c>
      <c r="F9" s="25">
        <v>90.4</v>
      </c>
      <c r="G9" s="26">
        <v>2.5</v>
      </c>
    </row>
    <row r="10" spans="2:7" x14ac:dyDescent="0.2">
      <c r="B10" s="29"/>
      <c r="C10" s="2" t="s">
        <v>13</v>
      </c>
      <c r="D10" s="19">
        <v>89</v>
      </c>
      <c r="E10" s="20">
        <v>5</v>
      </c>
      <c r="F10" s="21">
        <v>71</v>
      </c>
      <c r="G10" s="22">
        <v>13</v>
      </c>
    </row>
    <row r="11" spans="2:7" x14ac:dyDescent="0.2">
      <c r="B11" s="30"/>
      <c r="C11" s="10"/>
      <c r="D11" s="15">
        <v>100</v>
      </c>
      <c r="E11" s="16">
        <v>5.6</v>
      </c>
      <c r="F11" s="17">
        <v>79.8</v>
      </c>
      <c r="G11" s="18">
        <v>14.6</v>
      </c>
    </row>
    <row r="12" spans="2:7" x14ac:dyDescent="0.2">
      <c r="B12" s="28" t="s">
        <v>54</v>
      </c>
      <c r="C12" s="9" t="s">
        <v>12</v>
      </c>
      <c r="D12" s="11">
        <v>1241</v>
      </c>
      <c r="E12" s="12">
        <v>107</v>
      </c>
      <c r="F12" s="32">
        <v>1088</v>
      </c>
      <c r="G12" s="14">
        <v>46</v>
      </c>
    </row>
    <row r="13" spans="2:7" x14ac:dyDescent="0.2">
      <c r="B13" s="29"/>
      <c r="C13" s="8"/>
      <c r="D13" s="15">
        <v>100</v>
      </c>
      <c r="E13" s="16">
        <v>8.6</v>
      </c>
      <c r="F13" s="17">
        <v>87.7</v>
      </c>
      <c r="G13" s="18">
        <v>3.7</v>
      </c>
    </row>
    <row r="14" spans="2:7" x14ac:dyDescent="0.2">
      <c r="B14" s="29"/>
      <c r="C14" s="2" t="s">
        <v>50</v>
      </c>
      <c r="D14" s="19">
        <v>84</v>
      </c>
      <c r="E14" s="20">
        <v>6</v>
      </c>
      <c r="F14" s="21">
        <v>75</v>
      </c>
      <c r="G14" s="22">
        <v>3</v>
      </c>
    </row>
    <row r="15" spans="2:7" x14ac:dyDescent="0.2">
      <c r="B15" s="29"/>
      <c r="C15" s="7"/>
      <c r="D15" s="23">
        <v>100</v>
      </c>
      <c r="E15" s="24">
        <v>7.1</v>
      </c>
      <c r="F15" s="25">
        <v>89.3</v>
      </c>
      <c r="G15" s="26">
        <v>3.6</v>
      </c>
    </row>
    <row r="16" spans="2:7" x14ac:dyDescent="0.2">
      <c r="B16" s="29"/>
      <c r="C16" s="2" t="s">
        <v>49</v>
      </c>
      <c r="D16" s="19">
        <v>97</v>
      </c>
      <c r="E16" s="20">
        <v>6</v>
      </c>
      <c r="F16" s="21">
        <v>88</v>
      </c>
      <c r="G16" s="22">
        <v>3</v>
      </c>
    </row>
    <row r="17" spans="2:7" x14ac:dyDescent="0.2">
      <c r="B17" s="29"/>
      <c r="C17" s="7"/>
      <c r="D17" s="23">
        <v>100</v>
      </c>
      <c r="E17" s="24">
        <v>6.2</v>
      </c>
      <c r="F17" s="25">
        <v>90.7</v>
      </c>
      <c r="G17" s="26">
        <v>3.1</v>
      </c>
    </row>
    <row r="18" spans="2:7" x14ac:dyDescent="0.2">
      <c r="B18" s="29"/>
      <c r="C18" s="2" t="s">
        <v>48</v>
      </c>
      <c r="D18" s="19">
        <v>79</v>
      </c>
      <c r="E18" s="20">
        <v>4</v>
      </c>
      <c r="F18" s="21">
        <v>73</v>
      </c>
      <c r="G18" s="22">
        <v>2</v>
      </c>
    </row>
    <row r="19" spans="2:7" x14ac:dyDescent="0.2">
      <c r="B19" s="29"/>
      <c r="C19" s="7"/>
      <c r="D19" s="23">
        <v>100</v>
      </c>
      <c r="E19" s="24">
        <v>5.0999999999999996</v>
      </c>
      <c r="F19" s="25">
        <v>92.4</v>
      </c>
      <c r="G19" s="26">
        <v>2.5</v>
      </c>
    </row>
    <row r="20" spans="2:7" x14ac:dyDescent="0.2">
      <c r="B20" s="29"/>
      <c r="C20" s="2" t="s">
        <v>47</v>
      </c>
      <c r="D20" s="19">
        <v>72</v>
      </c>
      <c r="E20" s="20">
        <v>6</v>
      </c>
      <c r="F20" s="21">
        <v>65</v>
      </c>
      <c r="G20" s="22">
        <v>1</v>
      </c>
    </row>
    <row r="21" spans="2:7" x14ac:dyDescent="0.2">
      <c r="B21" s="29"/>
      <c r="C21" s="7"/>
      <c r="D21" s="23">
        <v>100</v>
      </c>
      <c r="E21" s="24">
        <v>8.3000000000000007</v>
      </c>
      <c r="F21" s="25">
        <v>90.3</v>
      </c>
      <c r="G21" s="26">
        <v>1.4</v>
      </c>
    </row>
    <row r="22" spans="2:7" x14ac:dyDescent="0.2">
      <c r="B22" s="29"/>
      <c r="C22" s="2" t="s">
        <v>46</v>
      </c>
      <c r="D22" s="19">
        <v>15</v>
      </c>
      <c r="E22" s="20" t="s">
        <v>152</v>
      </c>
      <c r="F22" s="21">
        <v>15</v>
      </c>
      <c r="G22" s="22" t="s">
        <v>152</v>
      </c>
    </row>
    <row r="23" spans="2:7" x14ac:dyDescent="0.2">
      <c r="B23" s="29"/>
      <c r="C23" s="7"/>
      <c r="D23" s="23">
        <v>100</v>
      </c>
      <c r="E23" s="24" t="s">
        <v>152</v>
      </c>
      <c r="F23" s="25">
        <v>100</v>
      </c>
      <c r="G23" s="26" t="s">
        <v>152</v>
      </c>
    </row>
    <row r="24" spans="2:7" x14ac:dyDescent="0.2">
      <c r="B24" s="29"/>
      <c r="C24" s="2" t="s">
        <v>45</v>
      </c>
      <c r="D24" s="19">
        <v>77</v>
      </c>
      <c r="E24" s="20">
        <v>6</v>
      </c>
      <c r="F24" s="21">
        <v>69</v>
      </c>
      <c r="G24" s="22">
        <v>2</v>
      </c>
    </row>
    <row r="25" spans="2:7" x14ac:dyDescent="0.2">
      <c r="B25" s="29"/>
      <c r="C25" s="7"/>
      <c r="D25" s="23">
        <v>100</v>
      </c>
      <c r="E25" s="24">
        <v>7.8</v>
      </c>
      <c r="F25" s="25">
        <v>89.6</v>
      </c>
      <c r="G25" s="26">
        <v>2.6</v>
      </c>
    </row>
    <row r="26" spans="2:7" x14ac:dyDescent="0.2">
      <c r="B26" s="29"/>
      <c r="C26" s="2" t="s">
        <v>44</v>
      </c>
      <c r="D26" s="19">
        <v>260</v>
      </c>
      <c r="E26" s="20">
        <v>19</v>
      </c>
      <c r="F26" s="21">
        <v>231</v>
      </c>
      <c r="G26" s="22">
        <v>10</v>
      </c>
    </row>
    <row r="27" spans="2:7" x14ac:dyDescent="0.2">
      <c r="B27" s="29"/>
      <c r="C27" s="7"/>
      <c r="D27" s="23">
        <v>100</v>
      </c>
      <c r="E27" s="24">
        <v>7.3</v>
      </c>
      <c r="F27" s="25">
        <v>88.8</v>
      </c>
      <c r="G27" s="26">
        <v>3.8</v>
      </c>
    </row>
    <row r="28" spans="2:7" x14ac:dyDescent="0.2">
      <c r="B28" s="29"/>
      <c r="C28" s="2" t="s">
        <v>43</v>
      </c>
      <c r="D28" s="19">
        <v>334</v>
      </c>
      <c r="E28" s="20">
        <v>31</v>
      </c>
      <c r="F28" s="21">
        <v>289</v>
      </c>
      <c r="G28" s="22">
        <v>14</v>
      </c>
    </row>
    <row r="29" spans="2:7" x14ac:dyDescent="0.2">
      <c r="B29" s="29"/>
      <c r="C29" s="7"/>
      <c r="D29" s="23">
        <v>100</v>
      </c>
      <c r="E29" s="24">
        <v>9.3000000000000007</v>
      </c>
      <c r="F29" s="25">
        <v>86.5</v>
      </c>
      <c r="G29" s="26">
        <v>4.2</v>
      </c>
    </row>
    <row r="30" spans="2:7" x14ac:dyDescent="0.2">
      <c r="B30" s="29"/>
      <c r="C30" s="2" t="s">
        <v>14</v>
      </c>
      <c r="D30" s="19">
        <v>28</v>
      </c>
      <c r="E30" s="20">
        <v>3</v>
      </c>
      <c r="F30" s="21">
        <v>22</v>
      </c>
      <c r="G30" s="22">
        <v>3</v>
      </c>
    </row>
    <row r="31" spans="2:7" x14ac:dyDescent="0.2">
      <c r="B31" s="29"/>
      <c r="C31" s="7"/>
      <c r="D31" s="23">
        <v>100</v>
      </c>
      <c r="E31" s="24">
        <v>10.7</v>
      </c>
      <c r="F31" s="25">
        <v>78.599999999999994</v>
      </c>
      <c r="G31" s="26">
        <v>10.7</v>
      </c>
    </row>
    <row r="32" spans="2:7" x14ac:dyDescent="0.2">
      <c r="B32" s="29"/>
      <c r="C32" s="2" t="s">
        <v>42</v>
      </c>
      <c r="D32" s="19">
        <v>390</v>
      </c>
      <c r="E32" s="20">
        <v>34</v>
      </c>
      <c r="F32" s="21">
        <v>348</v>
      </c>
      <c r="G32" s="22">
        <v>8</v>
      </c>
    </row>
    <row r="33" spans="2:7" x14ac:dyDescent="0.2">
      <c r="B33" s="29"/>
      <c r="C33" s="7"/>
      <c r="D33" s="23">
        <v>100</v>
      </c>
      <c r="E33" s="24">
        <v>8.6999999999999993</v>
      </c>
      <c r="F33" s="25">
        <v>89.2</v>
      </c>
      <c r="G33" s="26">
        <v>2.1</v>
      </c>
    </row>
    <row r="34" spans="2:7" x14ac:dyDescent="0.2">
      <c r="B34" s="29"/>
      <c r="C34" s="2" t="s">
        <v>13</v>
      </c>
      <c r="D34" s="19">
        <v>70</v>
      </c>
      <c r="E34" s="20">
        <v>5</v>
      </c>
      <c r="F34" s="21">
        <v>56</v>
      </c>
      <c r="G34" s="22">
        <v>9</v>
      </c>
    </row>
    <row r="35" spans="2:7" x14ac:dyDescent="0.2">
      <c r="B35" s="30"/>
      <c r="C35" s="10"/>
      <c r="D35" s="15">
        <v>100</v>
      </c>
      <c r="E35" s="16">
        <v>7.1</v>
      </c>
      <c r="F35" s="17">
        <v>80</v>
      </c>
      <c r="G35" s="18">
        <v>12.9</v>
      </c>
    </row>
    <row r="36" spans="2:7" x14ac:dyDescent="0.2">
      <c r="B36" s="28" t="s">
        <v>53</v>
      </c>
      <c r="C36" s="9" t="s">
        <v>12</v>
      </c>
      <c r="D36" s="11">
        <v>1241</v>
      </c>
      <c r="E36" s="12">
        <v>107</v>
      </c>
      <c r="F36" s="32">
        <v>1088</v>
      </c>
      <c r="G36" s="14">
        <v>46</v>
      </c>
    </row>
    <row r="37" spans="2:7" x14ac:dyDescent="0.2">
      <c r="B37" s="29"/>
      <c r="C37" s="8"/>
      <c r="D37" s="15">
        <v>100</v>
      </c>
      <c r="E37" s="16">
        <v>8.6</v>
      </c>
      <c r="F37" s="17">
        <v>87.7</v>
      </c>
      <c r="G37" s="18">
        <v>3.7</v>
      </c>
    </row>
    <row r="38" spans="2:7" x14ac:dyDescent="0.2">
      <c r="B38" s="29"/>
      <c r="C38" s="2" t="s">
        <v>41</v>
      </c>
      <c r="D38" s="19">
        <v>799</v>
      </c>
      <c r="E38" s="20">
        <v>54</v>
      </c>
      <c r="F38" s="21">
        <v>729</v>
      </c>
      <c r="G38" s="22">
        <v>16</v>
      </c>
    </row>
    <row r="39" spans="2:7" x14ac:dyDescent="0.2">
      <c r="B39" s="29"/>
      <c r="C39" s="7"/>
      <c r="D39" s="23">
        <v>100</v>
      </c>
      <c r="E39" s="24">
        <v>6.8</v>
      </c>
      <c r="F39" s="25">
        <v>91.2</v>
      </c>
      <c r="G39" s="26">
        <v>2</v>
      </c>
    </row>
    <row r="40" spans="2:7" x14ac:dyDescent="0.2">
      <c r="B40" s="29"/>
      <c r="C40" s="2" t="s">
        <v>40</v>
      </c>
      <c r="D40" s="19">
        <v>182</v>
      </c>
      <c r="E40" s="20">
        <v>22</v>
      </c>
      <c r="F40" s="21">
        <v>152</v>
      </c>
      <c r="G40" s="22">
        <v>8</v>
      </c>
    </row>
    <row r="41" spans="2:7" x14ac:dyDescent="0.2">
      <c r="B41" s="29"/>
      <c r="C41" s="7"/>
      <c r="D41" s="23">
        <v>100</v>
      </c>
      <c r="E41" s="24">
        <v>12.1</v>
      </c>
      <c r="F41" s="25">
        <v>83.5</v>
      </c>
      <c r="G41" s="26">
        <v>4.4000000000000004</v>
      </c>
    </row>
    <row r="42" spans="2:7" x14ac:dyDescent="0.2">
      <c r="B42" s="29"/>
      <c r="C42" s="2" t="s">
        <v>39</v>
      </c>
      <c r="D42" s="19">
        <v>72</v>
      </c>
      <c r="E42" s="20">
        <v>9</v>
      </c>
      <c r="F42" s="21">
        <v>63</v>
      </c>
      <c r="G42" s="22" t="s">
        <v>152</v>
      </c>
    </row>
    <row r="43" spans="2:7" x14ac:dyDescent="0.2">
      <c r="B43" s="29"/>
      <c r="C43" s="7"/>
      <c r="D43" s="23">
        <v>100</v>
      </c>
      <c r="E43" s="24">
        <v>12.5</v>
      </c>
      <c r="F43" s="25">
        <v>87.5</v>
      </c>
      <c r="G43" s="26" t="s">
        <v>152</v>
      </c>
    </row>
    <row r="44" spans="2:7" x14ac:dyDescent="0.2">
      <c r="B44" s="29"/>
      <c r="C44" s="2" t="s">
        <v>38</v>
      </c>
      <c r="D44" s="19">
        <v>127</v>
      </c>
      <c r="E44" s="20">
        <v>16</v>
      </c>
      <c r="F44" s="21">
        <v>97</v>
      </c>
      <c r="G44" s="22">
        <v>14</v>
      </c>
    </row>
    <row r="45" spans="2:7" x14ac:dyDescent="0.2">
      <c r="B45" s="29"/>
      <c r="C45" s="7"/>
      <c r="D45" s="23">
        <v>100</v>
      </c>
      <c r="E45" s="24">
        <v>12.6</v>
      </c>
      <c r="F45" s="25">
        <v>76.400000000000006</v>
      </c>
      <c r="G45" s="26">
        <v>11</v>
      </c>
    </row>
    <row r="46" spans="2:7" x14ac:dyDescent="0.2">
      <c r="B46" s="29"/>
      <c r="C46" s="2" t="s">
        <v>13</v>
      </c>
      <c r="D46" s="19">
        <v>61</v>
      </c>
      <c r="E46" s="20">
        <v>6</v>
      </c>
      <c r="F46" s="21">
        <v>47</v>
      </c>
      <c r="G46" s="22">
        <v>8</v>
      </c>
    </row>
    <row r="47" spans="2:7" x14ac:dyDescent="0.2">
      <c r="B47" s="30"/>
      <c r="C47" s="10"/>
      <c r="D47" s="15">
        <v>100</v>
      </c>
      <c r="E47" s="16">
        <v>9.8000000000000007</v>
      </c>
      <c r="F47" s="17">
        <v>77</v>
      </c>
      <c r="G47" s="18">
        <v>13.1</v>
      </c>
    </row>
  </sheetData>
  <mergeCells count="3">
    <mergeCell ref="B4:B11"/>
    <mergeCell ref="B12:B35"/>
    <mergeCell ref="B36:B47"/>
  </mergeCells>
  <phoneticPr fontId="2"/>
  <pageMargins left="0.7" right="0.7" top="0.75" bottom="0.75" header="0.3" footer="0.3"/>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73</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959</v>
      </c>
      <c r="F4" s="13">
        <v>232</v>
      </c>
      <c r="G4" s="14">
        <v>50</v>
      </c>
    </row>
    <row r="5" spans="2:7" x14ac:dyDescent="0.2">
      <c r="B5" s="29"/>
      <c r="C5" s="8"/>
      <c r="D5" s="15">
        <v>100</v>
      </c>
      <c r="E5" s="16">
        <v>77.3</v>
      </c>
      <c r="F5" s="17">
        <v>18.7</v>
      </c>
      <c r="G5" s="18">
        <v>4</v>
      </c>
    </row>
    <row r="6" spans="2:7" x14ac:dyDescent="0.2">
      <c r="B6" s="29"/>
      <c r="C6" s="2" t="s">
        <v>30</v>
      </c>
      <c r="D6" s="19">
        <v>499</v>
      </c>
      <c r="E6" s="20">
        <v>392</v>
      </c>
      <c r="F6" s="21">
        <v>95</v>
      </c>
      <c r="G6" s="22">
        <v>12</v>
      </c>
    </row>
    <row r="7" spans="2:7" x14ac:dyDescent="0.2">
      <c r="B7" s="29"/>
      <c r="C7" s="7"/>
      <c r="D7" s="23">
        <v>100</v>
      </c>
      <c r="E7" s="24">
        <v>78.599999999999994</v>
      </c>
      <c r="F7" s="25">
        <v>19</v>
      </c>
      <c r="G7" s="26">
        <v>2.4</v>
      </c>
    </row>
    <row r="8" spans="2:7" x14ac:dyDescent="0.2">
      <c r="B8" s="29"/>
      <c r="C8" s="2" t="s">
        <v>29</v>
      </c>
      <c r="D8" s="19">
        <v>150</v>
      </c>
      <c r="E8" s="20">
        <v>105</v>
      </c>
      <c r="F8" s="21">
        <v>39</v>
      </c>
      <c r="G8" s="22">
        <v>6</v>
      </c>
    </row>
    <row r="9" spans="2:7" x14ac:dyDescent="0.2">
      <c r="B9" s="29"/>
      <c r="C9" s="7"/>
      <c r="D9" s="23">
        <v>100</v>
      </c>
      <c r="E9" s="24">
        <v>70</v>
      </c>
      <c r="F9" s="25">
        <v>26</v>
      </c>
      <c r="G9" s="26">
        <v>4</v>
      </c>
    </row>
    <row r="10" spans="2:7" x14ac:dyDescent="0.2">
      <c r="B10" s="29"/>
      <c r="C10" s="2" t="s">
        <v>28</v>
      </c>
      <c r="D10" s="19">
        <v>82</v>
      </c>
      <c r="E10" s="20">
        <v>63</v>
      </c>
      <c r="F10" s="21">
        <v>15</v>
      </c>
      <c r="G10" s="22">
        <v>4</v>
      </c>
    </row>
    <row r="11" spans="2:7" x14ac:dyDescent="0.2">
      <c r="B11" s="29"/>
      <c r="C11" s="7"/>
      <c r="D11" s="23">
        <v>100</v>
      </c>
      <c r="E11" s="24">
        <v>76.8</v>
      </c>
      <c r="F11" s="25">
        <v>18.3</v>
      </c>
      <c r="G11" s="26">
        <v>4.9000000000000004</v>
      </c>
    </row>
    <row r="12" spans="2:7" x14ac:dyDescent="0.2">
      <c r="B12" s="29"/>
      <c r="C12" s="2" t="s">
        <v>27</v>
      </c>
      <c r="D12" s="19">
        <v>92</v>
      </c>
      <c r="E12" s="20">
        <v>72</v>
      </c>
      <c r="F12" s="21">
        <v>14</v>
      </c>
      <c r="G12" s="22">
        <v>6</v>
      </c>
    </row>
    <row r="13" spans="2:7" x14ac:dyDescent="0.2">
      <c r="B13" s="29"/>
      <c r="C13" s="7"/>
      <c r="D13" s="23">
        <v>100</v>
      </c>
      <c r="E13" s="24">
        <v>78.3</v>
      </c>
      <c r="F13" s="25">
        <v>15.2</v>
      </c>
      <c r="G13" s="26">
        <v>6.5</v>
      </c>
    </row>
    <row r="14" spans="2:7" x14ac:dyDescent="0.2">
      <c r="B14" s="29"/>
      <c r="C14" s="2" t="s">
        <v>26</v>
      </c>
      <c r="D14" s="19">
        <v>112</v>
      </c>
      <c r="E14" s="20">
        <v>86</v>
      </c>
      <c r="F14" s="21">
        <v>22</v>
      </c>
      <c r="G14" s="22">
        <v>4</v>
      </c>
    </row>
    <row r="15" spans="2:7" x14ac:dyDescent="0.2">
      <c r="B15" s="29"/>
      <c r="C15" s="7"/>
      <c r="D15" s="23">
        <v>100</v>
      </c>
      <c r="E15" s="24">
        <v>76.8</v>
      </c>
      <c r="F15" s="25">
        <v>19.600000000000001</v>
      </c>
      <c r="G15" s="26">
        <v>3.6</v>
      </c>
    </row>
    <row r="16" spans="2:7" x14ac:dyDescent="0.2">
      <c r="B16" s="29"/>
      <c r="C16" s="2" t="s">
        <v>25</v>
      </c>
      <c r="D16" s="19">
        <v>188</v>
      </c>
      <c r="E16" s="20">
        <v>150</v>
      </c>
      <c r="F16" s="21">
        <v>29</v>
      </c>
      <c r="G16" s="22">
        <v>9</v>
      </c>
    </row>
    <row r="17" spans="2:7" x14ac:dyDescent="0.2">
      <c r="B17" s="29"/>
      <c r="C17" s="7"/>
      <c r="D17" s="23">
        <v>100</v>
      </c>
      <c r="E17" s="24">
        <v>79.8</v>
      </c>
      <c r="F17" s="25">
        <v>15.4</v>
      </c>
      <c r="G17" s="26">
        <v>4.8</v>
      </c>
    </row>
    <row r="18" spans="2:7" x14ac:dyDescent="0.2">
      <c r="B18" s="29"/>
      <c r="C18" s="2" t="s">
        <v>24</v>
      </c>
      <c r="D18" s="19">
        <v>60</v>
      </c>
      <c r="E18" s="20">
        <v>49</v>
      </c>
      <c r="F18" s="21">
        <v>9</v>
      </c>
      <c r="G18" s="22">
        <v>2</v>
      </c>
    </row>
    <row r="19" spans="2:7" x14ac:dyDescent="0.2">
      <c r="B19" s="29"/>
      <c r="C19" s="7"/>
      <c r="D19" s="23">
        <v>100</v>
      </c>
      <c r="E19" s="24">
        <v>81.7</v>
      </c>
      <c r="F19" s="25">
        <v>15</v>
      </c>
      <c r="G19" s="26">
        <v>3.3</v>
      </c>
    </row>
    <row r="20" spans="2:7" x14ac:dyDescent="0.2">
      <c r="B20" s="29"/>
      <c r="C20" s="2" t="s">
        <v>13</v>
      </c>
      <c r="D20" s="19">
        <v>58</v>
      </c>
      <c r="E20" s="20">
        <v>42</v>
      </c>
      <c r="F20" s="21">
        <v>9</v>
      </c>
      <c r="G20" s="22">
        <v>7</v>
      </c>
    </row>
    <row r="21" spans="2:7" x14ac:dyDescent="0.2">
      <c r="B21" s="30"/>
      <c r="C21" s="10"/>
      <c r="D21" s="15">
        <v>100</v>
      </c>
      <c r="E21" s="16">
        <v>72.400000000000006</v>
      </c>
      <c r="F21" s="17">
        <v>15.5</v>
      </c>
      <c r="G21" s="18">
        <v>12.1</v>
      </c>
    </row>
    <row r="22" spans="2:7" x14ac:dyDescent="0.2">
      <c r="B22" s="28" t="s">
        <v>35</v>
      </c>
      <c r="C22" s="9" t="s">
        <v>12</v>
      </c>
      <c r="D22" s="11">
        <v>1241</v>
      </c>
      <c r="E22" s="12">
        <v>959</v>
      </c>
      <c r="F22" s="13">
        <v>232</v>
      </c>
      <c r="G22" s="14">
        <v>50</v>
      </c>
    </row>
    <row r="23" spans="2:7" x14ac:dyDescent="0.2">
      <c r="B23" s="29"/>
      <c r="C23" s="8"/>
      <c r="D23" s="15">
        <v>100</v>
      </c>
      <c r="E23" s="16">
        <v>77.3</v>
      </c>
      <c r="F23" s="17">
        <v>18.7</v>
      </c>
      <c r="G23" s="18">
        <v>4</v>
      </c>
    </row>
    <row r="24" spans="2:7" x14ac:dyDescent="0.2">
      <c r="B24" s="29"/>
      <c r="C24" s="2" t="s">
        <v>23</v>
      </c>
      <c r="D24" s="19">
        <v>563</v>
      </c>
      <c r="E24" s="20">
        <v>413</v>
      </c>
      <c r="F24" s="21">
        <v>136</v>
      </c>
      <c r="G24" s="22">
        <v>14</v>
      </c>
    </row>
    <row r="25" spans="2:7" x14ac:dyDescent="0.2">
      <c r="B25" s="29"/>
      <c r="C25" s="7"/>
      <c r="D25" s="23">
        <v>100</v>
      </c>
      <c r="E25" s="24">
        <v>73.400000000000006</v>
      </c>
      <c r="F25" s="25">
        <v>24.2</v>
      </c>
      <c r="G25" s="26">
        <v>2.5</v>
      </c>
    </row>
    <row r="26" spans="2:7" x14ac:dyDescent="0.2">
      <c r="B26" s="29"/>
      <c r="C26" s="2" t="s">
        <v>22</v>
      </c>
      <c r="D26" s="19">
        <v>607</v>
      </c>
      <c r="E26" s="20">
        <v>491</v>
      </c>
      <c r="F26" s="21">
        <v>87</v>
      </c>
      <c r="G26" s="22">
        <v>29</v>
      </c>
    </row>
    <row r="27" spans="2:7" x14ac:dyDescent="0.2">
      <c r="B27" s="29"/>
      <c r="C27" s="7"/>
      <c r="D27" s="23">
        <v>100</v>
      </c>
      <c r="E27" s="24">
        <v>80.900000000000006</v>
      </c>
      <c r="F27" s="25">
        <v>14.3</v>
      </c>
      <c r="G27" s="26">
        <v>4.8</v>
      </c>
    </row>
    <row r="28" spans="2:7" x14ac:dyDescent="0.2">
      <c r="B28" s="29"/>
      <c r="C28" s="2" t="s">
        <v>13</v>
      </c>
      <c r="D28" s="19">
        <v>71</v>
      </c>
      <c r="E28" s="20">
        <v>55</v>
      </c>
      <c r="F28" s="21">
        <v>9</v>
      </c>
      <c r="G28" s="22">
        <v>7</v>
      </c>
    </row>
    <row r="29" spans="2:7" x14ac:dyDescent="0.2">
      <c r="B29" s="30"/>
      <c r="C29" s="10"/>
      <c r="D29" s="15">
        <v>100</v>
      </c>
      <c r="E29" s="16">
        <v>77.5</v>
      </c>
      <c r="F29" s="17">
        <v>12.7</v>
      </c>
      <c r="G29" s="18">
        <v>9.9</v>
      </c>
    </row>
    <row r="30" spans="2:7" x14ac:dyDescent="0.2">
      <c r="B30" s="28" t="s">
        <v>34</v>
      </c>
      <c r="C30" s="9" t="s">
        <v>12</v>
      </c>
      <c r="D30" s="11">
        <v>1241</v>
      </c>
      <c r="E30" s="12">
        <v>959</v>
      </c>
      <c r="F30" s="13">
        <v>232</v>
      </c>
      <c r="G30" s="14">
        <v>50</v>
      </c>
    </row>
    <row r="31" spans="2:7" x14ac:dyDescent="0.2">
      <c r="B31" s="29"/>
      <c r="C31" s="8"/>
      <c r="D31" s="15">
        <v>100</v>
      </c>
      <c r="E31" s="16">
        <v>77.3</v>
      </c>
      <c r="F31" s="17">
        <v>18.7</v>
      </c>
      <c r="G31" s="18">
        <v>4</v>
      </c>
    </row>
    <row r="32" spans="2:7" x14ac:dyDescent="0.2">
      <c r="B32" s="29"/>
      <c r="C32" s="2" t="s">
        <v>76</v>
      </c>
      <c r="D32" s="19">
        <v>3</v>
      </c>
      <c r="E32" s="20">
        <v>2</v>
      </c>
      <c r="F32" s="21">
        <v>1</v>
      </c>
      <c r="G32" s="22" t="s">
        <v>152</v>
      </c>
    </row>
    <row r="33" spans="2:7" x14ac:dyDescent="0.2">
      <c r="B33" s="29"/>
      <c r="C33" s="7"/>
      <c r="D33" s="23">
        <v>100</v>
      </c>
      <c r="E33" s="24">
        <v>66.7</v>
      </c>
      <c r="F33" s="25">
        <v>33.299999999999997</v>
      </c>
      <c r="G33" s="26" t="s">
        <v>152</v>
      </c>
    </row>
    <row r="34" spans="2:7" x14ac:dyDescent="0.2">
      <c r="B34" s="29"/>
      <c r="C34" s="2" t="s">
        <v>78</v>
      </c>
      <c r="D34" s="19">
        <v>51</v>
      </c>
      <c r="E34" s="20">
        <v>38</v>
      </c>
      <c r="F34" s="21">
        <v>13</v>
      </c>
      <c r="G34" s="22" t="s">
        <v>152</v>
      </c>
    </row>
    <row r="35" spans="2:7" x14ac:dyDescent="0.2">
      <c r="B35" s="29"/>
      <c r="C35" s="7"/>
      <c r="D35" s="23">
        <v>100</v>
      </c>
      <c r="E35" s="24">
        <v>74.5</v>
      </c>
      <c r="F35" s="25">
        <v>25.5</v>
      </c>
      <c r="G35" s="26" t="s">
        <v>152</v>
      </c>
    </row>
    <row r="36" spans="2:7" x14ac:dyDescent="0.2">
      <c r="B36" s="29"/>
      <c r="C36" s="2" t="s">
        <v>147</v>
      </c>
      <c r="D36" s="19">
        <v>54</v>
      </c>
      <c r="E36" s="20">
        <v>40</v>
      </c>
      <c r="F36" s="21">
        <v>14</v>
      </c>
      <c r="G36" s="22" t="s">
        <v>152</v>
      </c>
    </row>
    <row r="37" spans="2:7" x14ac:dyDescent="0.2">
      <c r="B37" s="29"/>
      <c r="C37" s="7"/>
      <c r="D37" s="23">
        <v>100</v>
      </c>
      <c r="E37" s="24">
        <v>74.074074074074076</v>
      </c>
      <c r="F37" s="25">
        <v>25.925925925925924</v>
      </c>
      <c r="G37" s="26" t="s">
        <v>152</v>
      </c>
    </row>
    <row r="38" spans="2:7" x14ac:dyDescent="0.2">
      <c r="B38" s="29"/>
      <c r="C38" s="2" t="s">
        <v>80</v>
      </c>
      <c r="D38" s="19">
        <v>116</v>
      </c>
      <c r="E38" s="20">
        <v>88</v>
      </c>
      <c r="F38" s="21">
        <v>23</v>
      </c>
      <c r="G38" s="22">
        <v>5</v>
      </c>
    </row>
    <row r="39" spans="2:7" x14ac:dyDescent="0.2">
      <c r="B39" s="29"/>
      <c r="C39" s="7"/>
      <c r="D39" s="23">
        <v>100</v>
      </c>
      <c r="E39" s="24">
        <v>75.900000000000006</v>
      </c>
      <c r="F39" s="25">
        <v>19.8</v>
      </c>
      <c r="G39" s="26">
        <v>4.3</v>
      </c>
    </row>
    <row r="40" spans="2:7" x14ac:dyDescent="0.2">
      <c r="B40" s="29"/>
      <c r="C40" s="2" t="s">
        <v>82</v>
      </c>
      <c r="D40" s="19">
        <v>200</v>
      </c>
      <c r="E40" s="20">
        <v>165</v>
      </c>
      <c r="F40" s="21">
        <v>29</v>
      </c>
      <c r="G40" s="22">
        <v>6</v>
      </c>
    </row>
    <row r="41" spans="2:7" x14ac:dyDescent="0.2">
      <c r="B41" s="29"/>
      <c r="C41" s="7"/>
      <c r="D41" s="23">
        <v>100</v>
      </c>
      <c r="E41" s="24">
        <v>82.5</v>
      </c>
      <c r="F41" s="25">
        <v>14.5</v>
      </c>
      <c r="G41" s="26">
        <v>3</v>
      </c>
    </row>
    <row r="42" spans="2:7" x14ac:dyDescent="0.2">
      <c r="B42" s="29"/>
      <c r="C42" s="2" t="s">
        <v>84</v>
      </c>
      <c r="D42" s="19">
        <v>289</v>
      </c>
      <c r="E42" s="20">
        <v>221</v>
      </c>
      <c r="F42" s="21">
        <v>61</v>
      </c>
      <c r="G42" s="22">
        <v>7</v>
      </c>
    </row>
    <row r="43" spans="2:7" x14ac:dyDescent="0.2">
      <c r="B43" s="29"/>
      <c r="C43" s="7"/>
      <c r="D43" s="23">
        <v>100</v>
      </c>
      <c r="E43" s="24">
        <v>76.5</v>
      </c>
      <c r="F43" s="25">
        <v>21.1</v>
      </c>
      <c r="G43" s="26">
        <v>2.4</v>
      </c>
    </row>
    <row r="44" spans="2:7" x14ac:dyDescent="0.2">
      <c r="B44" s="29"/>
      <c r="C44" s="2" t="s">
        <v>86</v>
      </c>
      <c r="D44" s="19">
        <v>247</v>
      </c>
      <c r="E44" s="20">
        <v>192</v>
      </c>
      <c r="F44" s="21">
        <v>50</v>
      </c>
      <c r="G44" s="22">
        <v>5</v>
      </c>
    </row>
    <row r="45" spans="2:7" x14ac:dyDescent="0.2">
      <c r="B45" s="29"/>
      <c r="C45" s="7"/>
      <c r="D45" s="23">
        <v>100</v>
      </c>
      <c r="E45" s="24">
        <v>77.7</v>
      </c>
      <c r="F45" s="25">
        <v>20.2</v>
      </c>
      <c r="G45" s="26">
        <v>2</v>
      </c>
    </row>
    <row r="46" spans="2:7" x14ac:dyDescent="0.2">
      <c r="B46" s="29"/>
      <c r="C46" s="2" t="s">
        <v>88</v>
      </c>
      <c r="D46" s="19">
        <v>125</v>
      </c>
      <c r="E46" s="20">
        <v>93</v>
      </c>
      <c r="F46" s="21">
        <v>25</v>
      </c>
      <c r="G46" s="22">
        <v>7</v>
      </c>
    </row>
    <row r="47" spans="2:7" x14ac:dyDescent="0.2">
      <c r="B47" s="29"/>
      <c r="C47" s="7"/>
      <c r="D47" s="23">
        <v>100</v>
      </c>
      <c r="E47" s="24">
        <v>74.400000000000006</v>
      </c>
      <c r="F47" s="25">
        <v>20</v>
      </c>
      <c r="G47" s="26">
        <v>5.6</v>
      </c>
    </row>
    <row r="48" spans="2:7" x14ac:dyDescent="0.2">
      <c r="B48" s="29"/>
      <c r="C48" s="2" t="s">
        <v>90</v>
      </c>
      <c r="D48" s="19">
        <v>150</v>
      </c>
      <c r="E48" s="20">
        <v>117</v>
      </c>
      <c r="F48" s="21">
        <v>21</v>
      </c>
      <c r="G48" s="22">
        <v>12</v>
      </c>
    </row>
    <row r="49" spans="2:7" x14ac:dyDescent="0.2">
      <c r="B49" s="29"/>
      <c r="C49" s="7"/>
      <c r="D49" s="23">
        <v>100</v>
      </c>
      <c r="E49" s="24">
        <v>78</v>
      </c>
      <c r="F49" s="25">
        <v>14</v>
      </c>
      <c r="G49" s="26">
        <v>8</v>
      </c>
    </row>
    <row r="50" spans="2:7" x14ac:dyDescent="0.2">
      <c r="B50" s="29"/>
      <c r="C50" s="2" t="s">
        <v>92</v>
      </c>
      <c r="D50" s="19">
        <v>60</v>
      </c>
      <c r="E50" s="20">
        <v>43</v>
      </c>
      <c r="F50" s="21">
        <v>9</v>
      </c>
      <c r="G50" s="22">
        <v>8</v>
      </c>
    </row>
    <row r="51" spans="2:7" x14ac:dyDescent="0.2">
      <c r="B51" s="29"/>
      <c r="C51" s="10"/>
      <c r="D51" s="23">
        <v>100</v>
      </c>
      <c r="E51" s="24">
        <v>71.7</v>
      </c>
      <c r="F51" s="25">
        <v>15</v>
      </c>
      <c r="G51" s="26">
        <v>13.3</v>
      </c>
    </row>
    <row r="52" spans="2:7" x14ac:dyDescent="0.2">
      <c r="B52" s="28" t="s">
        <v>33</v>
      </c>
      <c r="C52" s="9" t="s">
        <v>12</v>
      </c>
      <c r="D52" s="11">
        <v>1241</v>
      </c>
      <c r="E52" s="12">
        <v>959</v>
      </c>
      <c r="F52" s="13">
        <v>232</v>
      </c>
      <c r="G52" s="14">
        <v>50</v>
      </c>
    </row>
    <row r="53" spans="2:7" x14ac:dyDescent="0.2">
      <c r="B53" s="29"/>
      <c r="C53" s="8"/>
      <c r="D53" s="15">
        <v>100</v>
      </c>
      <c r="E53" s="16">
        <v>77.3</v>
      </c>
      <c r="F53" s="17">
        <v>18.7</v>
      </c>
      <c r="G53" s="18">
        <v>4</v>
      </c>
    </row>
    <row r="54" spans="2:7" x14ac:dyDescent="0.2">
      <c r="B54" s="29"/>
      <c r="C54" s="2" t="s">
        <v>57</v>
      </c>
      <c r="D54" s="19">
        <v>2</v>
      </c>
      <c r="E54" s="20">
        <v>1</v>
      </c>
      <c r="F54" s="21">
        <v>1</v>
      </c>
      <c r="G54" s="22" t="s">
        <v>152</v>
      </c>
    </row>
    <row r="55" spans="2:7" x14ac:dyDescent="0.2">
      <c r="B55" s="29"/>
      <c r="C55" s="7"/>
      <c r="D55" s="23">
        <v>100</v>
      </c>
      <c r="E55" s="24">
        <v>50</v>
      </c>
      <c r="F55" s="25">
        <v>50</v>
      </c>
      <c r="G55" s="26" t="s">
        <v>152</v>
      </c>
    </row>
    <row r="56" spans="2:7" x14ac:dyDescent="0.2">
      <c r="B56" s="29"/>
      <c r="C56" s="2" t="s">
        <v>63</v>
      </c>
      <c r="D56" s="19">
        <v>20</v>
      </c>
      <c r="E56" s="20">
        <v>11</v>
      </c>
      <c r="F56" s="21">
        <v>9</v>
      </c>
      <c r="G56" s="22" t="s">
        <v>152</v>
      </c>
    </row>
    <row r="57" spans="2:7" x14ac:dyDescent="0.2">
      <c r="B57" s="29"/>
      <c r="C57" s="7"/>
      <c r="D57" s="23">
        <v>100</v>
      </c>
      <c r="E57" s="24">
        <v>55</v>
      </c>
      <c r="F57" s="25">
        <v>45</v>
      </c>
      <c r="G57" s="26" t="s">
        <v>152</v>
      </c>
    </row>
    <row r="58" spans="2:7" x14ac:dyDescent="0.2">
      <c r="B58" s="29"/>
      <c r="C58" s="2" t="s">
        <v>148</v>
      </c>
      <c r="D58" s="19">
        <v>22</v>
      </c>
      <c r="E58" s="20">
        <v>12</v>
      </c>
      <c r="F58" s="21">
        <v>10</v>
      </c>
      <c r="G58" s="22" t="s">
        <v>152</v>
      </c>
    </row>
    <row r="59" spans="2:7" x14ac:dyDescent="0.2">
      <c r="B59" s="29"/>
      <c r="C59" s="7"/>
      <c r="D59" s="23">
        <v>100</v>
      </c>
      <c r="E59" s="24">
        <v>54.54545454545454</v>
      </c>
      <c r="F59" s="25">
        <v>45.454545454545453</v>
      </c>
      <c r="G59" s="26" t="s">
        <v>152</v>
      </c>
    </row>
    <row r="60" spans="2:7" x14ac:dyDescent="0.2">
      <c r="B60" s="29"/>
      <c r="C60" s="2" t="s">
        <v>64</v>
      </c>
      <c r="D60" s="19">
        <v>51</v>
      </c>
      <c r="E60" s="20">
        <v>33</v>
      </c>
      <c r="F60" s="21">
        <v>18</v>
      </c>
      <c r="G60" s="22" t="s">
        <v>152</v>
      </c>
    </row>
    <row r="61" spans="2:7" x14ac:dyDescent="0.2">
      <c r="B61" s="29"/>
      <c r="C61" s="7"/>
      <c r="D61" s="23">
        <v>100</v>
      </c>
      <c r="E61" s="24">
        <v>64.7</v>
      </c>
      <c r="F61" s="25">
        <v>35.299999999999997</v>
      </c>
      <c r="G61" s="26" t="s">
        <v>152</v>
      </c>
    </row>
    <row r="62" spans="2:7" x14ac:dyDescent="0.2">
      <c r="B62" s="29"/>
      <c r="C62" s="2" t="s">
        <v>65</v>
      </c>
      <c r="D62" s="19">
        <v>88</v>
      </c>
      <c r="E62" s="20">
        <v>65</v>
      </c>
      <c r="F62" s="21">
        <v>22</v>
      </c>
      <c r="G62" s="22">
        <v>1</v>
      </c>
    </row>
    <row r="63" spans="2:7" x14ac:dyDescent="0.2">
      <c r="B63" s="29"/>
      <c r="C63" s="7"/>
      <c r="D63" s="23">
        <v>100</v>
      </c>
      <c r="E63" s="24">
        <v>73.900000000000006</v>
      </c>
      <c r="F63" s="25">
        <v>25</v>
      </c>
      <c r="G63" s="26">
        <v>1.1000000000000001</v>
      </c>
    </row>
    <row r="64" spans="2:7" x14ac:dyDescent="0.2">
      <c r="B64" s="29"/>
      <c r="C64" s="2" t="s">
        <v>66</v>
      </c>
      <c r="D64" s="19">
        <v>146</v>
      </c>
      <c r="E64" s="20">
        <v>102</v>
      </c>
      <c r="F64" s="21">
        <v>41</v>
      </c>
      <c r="G64" s="22">
        <v>3</v>
      </c>
    </row>
    <row r="65" spans="2:7" x14ac:dyDescent="0.2">
      <c r="B65" s="29"/>
      <c r="C65" s="7"/>
      <c r="D65" s="23">
        <v>100</v>
      </c>
      <c r="E65" s="24">
        <v>69.900000000000006</v>
      </c>
      <c r="F65" s="25">
        <v>28.1</v>
      </c>
      <c r="G65" s="26">
        <v>2.1</v>
      </c>
    </row>
    <row r="66" spans="2:7" x14ac:dyDescent="0.2">
      <c r="B66" s="29"/>
      <c r="C66" s="2" t="s">
        <v>67</v>
      </c>
      <c r="D66" s="19">
        <v>133</v>
      </c>
      <c r="E66" s="20">
        <v>101</v>
      </c>
      <c r="F66" s="21">
        <v>29</v>
      </c>
      <c r="G66" s="22">
        <v>3</v>
      </c>
    </row>
    <row r="67" spans="2:7" x14ac:dyDescent="0.2">
      <c r="B67" s="29"/>
      <c r="C67" s="7"/>
      <c r="D67" s="23">
        <v>100</v>
      </c>
      <c r="E67" s="24">
        <v>75.900000000000006</v>
      </c>
      <c r="F67" s="25">
        <v>21.8</v>
      </c>
      <c r="G67" s="26">
        <v>2.2999999999999998</v>
      </c>
    </row>
    <row r="68" spans="2:7" x14ac:dyDescent="0.2">
      <c r="B68" s="29"/>
      <c r="C68" s="2" t="s">
        <v>58</v>
      </c>
      <c r="D68" s="19">
        <v>57</v>
      </c>
      <c r="E68" s="20">
        <v>44</v>
      </c>
      <c r="F68" s="21">
        <v>10</v>
      </c>
      <c r="G68" s="22">
        <v>3</v>
      </c>
    </row>
    <row r="69" spans="2:7" x14ac:dyDescent="0.2">
      <c r="B69" s="29"/>
      <c r="C69" s="7"/>
      <c r="D69" s="23">
        <v>100</v>
      </c>
      <c r="E69" s="24">
        <v>77.2</v>
      </c>
      <c r="F69" s="25">
        <v>17.5</v>
      </c>
      <c r="G69" s="26">
        <v>5.3</v>
      </c>
    </row>
    <row r="70" spans="2:7" x14ac:dyDescent="0.2">
      <c r="B70" s="29"/>
      <c r="C70" s="2" t="s">
        <v>68</v>
      </c>
      <c r="D70" s="19">
        <v>65</v>
      </c>
      <c r="E70" s="20">
        <v>56</v>
      </c>
      <c r="F70" s="21">
        <v>6</v>
      </c>
      <c r="G70" s="22">
        <v>3</v>
      </c>
    </row>
    <row r="71" spans="2:7" x14ac:dyDescent="0.2">
      <c r="B71" s="29"/>
      <c r="C71" s="7"/>
      <c r="D71" s="23">
        <v>100</v>
      </c>
      <c r="E71" s="24">
        <v>86.2</v>
      </c>
      <c r="F71" s="25">
        <v>9.1999999999999993</v>
      </c>
      <c r="G71" s="26">
        <v>4.5999999999999996</v>
      </c>
    </row>
    <row r="72" spans="2:7" x14ac:dyDescent="0.2">
      <c r="B72" s="29"/>
      <c r="C72" s="2" t="s">
        <v>59</v>
      </c>
      <c r="D72" s="19">
        <v>1</v>
      </c>
      <c r="E72" s="20">
        <v>1</v>
      </c>
      <c r="F72" s="21" t="s">
        <v>152</v>
      </c>
      <c r="G72" s="22" t="s">
        <v>152</v>
      </c>
    </row>
    <row r="73" spans="2:7" x14ac:dyDescent="0.2">
      <c r="B73" s="29"/>
      <c r="C73" s="7"/>
      <c r="D73" s="23">
        <v>100</v>
      </c>
      <c r="E73" s="24">
        <v>100</v>
      </c>
      <c r="F73" s="25" t="s">
        <v>152</v>
      </c>
      <c r="G73" s="26" t="s">
        <v>152</v>
      </c>
    </row>
    <row r="74" spans="2:7" x14ac:dyDescent="0.2">
      <c r="B74" s="29"/>
      <c r="C74" s="2" t="s">
        <v>69</v>
      </c>
      <c r="D74" s="19">
        <v>29</v>
      </c>
      <c r="E74" s="20">
        <v>25</v>
      </c>
      <c r="F74" s="21">
        <v>4</v>
      </c>
      <c r="G74" s="22" t="s">
        <v>152</v>
      </c>
    </row>
    <row r="75" spans="2:7" x14ac:dyDescent="0.2">
      <c r="B75" s="29"/>
      <c r="C75" s="7"/>
      <c r="D75" s="23">
        <v>100</v>
      </c>
      <c r="E75" s="24">
        <v>86.2</v>
      </c>
      <c r="F75" s="25">
        <v>13.8</v>
      </c>
      <c r="G75" s="26" t="s">
        <v>152</v>
      </c>
    </row>
    <row r="76" spans="2:7" x14ac:dyDescent="0.2">
      <c r="B76" s="29"/>
      <c r="C76" s="2" t="s">
        <v>149</v>
      </c>
      <c r="D76" s="19">
        <v>30</v>
      </c>
      <c r="E76" s="20">
        <v>26</v>
      </c>
      <c r="F76" s="21">
        <v>4</v>
      </c>
      <c r="G76" s="22" t="s">
        <v>152</v>
      </c>
    </row>
    <row r="77" spans="2:7" x14ac:dyDescent="0.2">
      <c r="B77" s="29"/>
      <c r="C77" s="7"/>
      <c r="D77" s="23">
        <v>100</v>
      </c>
      <c r="E77" s="24">
        <v>86.666666666666671</v>
      </c>
      <c r="F77" s="25">
        <v>13.333333333333334</v>
      </c>
      <c r="G77" s="26" t="s">
        <v>152</v>
      </c>
    </row>
    <row r="78" spans="2:7" x14ac:dyDescent="0.2">
      <c r="B78" s="29"/>
      <c r="C78" s="2" t="s">
        <v>70</v>
      </c>
      <c r="D78" s="19">
        <v>64</v>
      </c>
      <c r="E78" s="20">
        <v>54</v>
      </c>
      <c r="F78" s="21">
        <v>5</v>
      </c>
      <c r="G78" s="22">
        <v>5</v>
      </c>
    </row>
    <row r="79" spans="2:7" x14ac:dyDescent="0.2">
      <c r="B79" s="29"/>
      <c r="C79" s="7"/>
      <c r="D79" s="23">
        <v>100</v>
      </c>
      <c r="E79" s="24">
        <v>84.4</v>
      </c>
      <c r="F79" s="25">
        <v>7.8</v>
      </c>
      <c r="G79" s="26">
        <v>7.8</v>
      </c>
    </row>
    <row r="80" spans="2:7" x14ac:dyDescent="0.2">
      <c r="B80" s="29"/>
      <c r="C80" s="2" t="s">
        <v>71</v>
      </c>
      <c r="D80" s="19">
        <v>112</v>
      </c>
      <c r="E80" s="20">
        <v>100</v>
      </c>
      <c r="F80" s="21">
        <v>7</v>
      </c>
      <c r="G80" s="22">
        <v>5</v>
      </c>
    </row>
    <row r="81" spans="2:7" x14ac:dyDescent="0.2">
      <c r="B81" s="29"/>
      <c r="C81" s="7"/>
      <c r="D81" s="23">
        <v>100</v>
      </c>
      <c r="E81" s="24">
        <v>89.3</v>
      </c>
      <c r="F81" s="25">
        <v>6.3</v>
      </c>
      <c r="G81" s="26">
        <v>4.5</v>
      </c>
    </row>
    <row r="82" spans="2:7" x14ac:dyDescent="0.2">
      <c r="B82" s="29"/>
      <c r="C82" s="2" t="s">
        <v>72</v>
      </c>
      <c r="D82" s="19">
        <v>137</v>
      </c>
      <c r="E82" s="20">
        <v>113</v>
      </c>
      <c r="F82" s="21">
        <v>20</v>
      </c>
      <c r="G82" s="22">
        <v>4</v>
      </c>
    </row>
    <row r="83" spans="2:7" x14ac:dyDescent="0.2">
      <c r="B83" s="29"/>
      <c r="C83" s="7"/>
      <c r="D83" s="23">
        <v>100</v>
      </c>
      <c r="E83" s="24">
        <v>82.5</v>
      </c>
      <c r="F83" s="25">
        <v>14.6</v>
      </c>
      <c r="G83" s="26">
        <v>2.9</v>
      </c>
    </row>
    <row r="84" spans="2:7" x14ac:dyDescent="0.2">
      <c r="B84" s="29"/>
      <c r="C84" s="2" t="s">
        <v>73</v>
      </c>
      <c r="D84" s="19">
        <v>112</v>
      </c>
      <c r="E84" s="20">
        <v>89</v>
      </c>
      <c r="F84" s="21">
        <v>21</v>
      </c>
      <c r="G84" s="22">
        <v>2</v>
      </c>
    </row>
    <row r="85" spans="2:7" x14ac:dyDescent="0.2">
      <c r="B85" s="29"/>
      <c r="C85" s="7"/>
      <c r="D85" s="23">
        <v>100</v>
      </c>
      <c r="E85" s="24">
        <v>79.5</v>
      </c>
      <c r="F85" s="25">
        <v>18.8</v>
      </c>
      <c r="G85" s="26">
        <v>1.8</v>
      </c>
    </row>
    <row r="86" spans="2:7" x14ac:dyDescent="0.2">
      <c r="B86" s="29"/>
      <c r="C86" s="2" t="s">
        <v>60</v>
      </c>
      <c r="D86" s="19">
        <v>66</v>
      </c>
      <c r="E86" s="20">
        <v>48</v>
      </c>
      <c r="F86" s="21">
        <v>14</v>
      </c>
      <c r="G86" s="22">
        <v>4</v>
      </c>
    </row>
    <row r="87" spans="2:7" x14ac:dyDescent="0.2">
      <c r="B87" s="29"/>
      <c r="C87" s="7"/>
      <c r="D87" s="23">
        <v>100</v>
      </c>
      <c r="E87" s="24">
        <v>72.7</v>
      </c>
      <c r="F87" s="25">
        <v>21.2</v>
      </c>
      <c r="G87" s="26">
        <v>6.1</v>
      </c>
    </row>
    <row r="88" spans="2:7" x14ac:dyDescent="0.2">
      <c r="B88" s="29"/>
      <c r="C88" s="2" t="s">
        <v>74</v>
      </c>
      <c r="D88" s="19">
        <v>83</v>
      </c>
      <c r="E88" s="20">
        <v>59</v>
      </c>
      <c r="F88" s="21">
        <v>15</v>
      </c>
      <c r="G88" s="22">
        <v>9</v>
      </c>
    </row>
    <row r="89" spans="2:7" x14ac:dyDescent="0.2">
      <c r="B89" s="29"/>
      <c r="C89" s="7"/>
      <c r="D89" s="23">
        <v>100</v>
      </c>
      <c r="E89" s="24">
        <v>71.099999999999994</v>
      </c>
      <c r="F89" s="25">
        <v>18.100000000000001</v>
      </c>
      <c r="G89" s="26">
        <v>10.8</v>
      </c>
    </row>
    <row r="90" spans="2:7" x14ac:dyDescent="0.2">
      <c r="B90" s="29"/>
      <c r="C90" s="2" t="s">
        <v>0</v>
      </c>
      <c r="D90" s="19">
        <v>75</v>
      </c>
      <c r="E90" s="20">
        <v>57</v>
      </c>
      <c r="F90" s="21">
        <v>10</v>
      </c>
      <c r="G90" s="22">
        <v>8</v>
      </c>
    </row>
    <row r="91" spans="2:7" x14ac:dyDescent="0.2">
      <c r="B91" s="29"/>
      <c r="C91" s="7"/>
      <c r="D91" s="23">
        <v>100</v>
      </c>
      <c r="E91" s="24">
        <v>76</v>
      </c>
      <c r="F91" s="25">
        <v>13.3</v>
      </c>
      <c r="G91" s="26">
        <v>10.7</v>
      </c>
    </row>
    <row r="92" spans="2:7" x14ac:dyDescent="0.2">
      <c r="B92" s="28" t="s">
        <v>32</v>
      </c>
      <c r="C92" s="9" t="s">
        <v>12</v>
      </c>
      <c r="D92" s="11">
        <v>1241</v>
      </c>
      <c r="E92" s="12">
        <v>959</v>
      </c>
      <c r="F92" s="13">
        <v>232</v>
      </c>
      <c r="G92" s="14">
        <v>50</v>
      </c>
    </row>
    <row r="93" spans="2:7" x14ac:dyDescent="0.2">
      <c r="B93" s="29"/>
      <c r="C93" s="8"/>
      <c r="D93" s="15">
        <v>100</v>
      </c>
      <c r="E93" s="16">
        <v>77.3</v>
      </c>
      <c r="F93" s="17">
        <v>18.7</v>
      </c>
      <c r="G93" s="18">
        <v>4</v>
      </c>
    </row>
    <row r="94" spans="2:7" x14ac:dyDescent="0.2">
      <c r="B94" s="29"/>
      <c r="C94" s="2" t="s">
        <v>21</v>
      </c>
      <c r="D94" s="19">
        <v>65</v>
      </c>
      <c r="E94" s="20">
        <v>51</v>
      </c>
      <c r="F94" s="21">
        <v>11</v>
      </c>
      <c r="G94" s="22">
        <v>3</v>
      </c>
    </row>
    <row r="95" spans="2:7" x14ac:dyDescent="0.2">
      <c r="B95" s="29"/>
      <c r="C95" s="7"/>
      <c r="D95" s="23">
        <v>100</v>
      </c>
      <c r="E95" s="24">
        <v>78.5</v>
      </c>
      <c r="F95" s="25">
        <v>16.899999999999999</v>
      </c>
      <c r="G95" s="26">
        <v>4.5999999999999996</v>
      </c>
    </row>
    <row r="96" spans="2:7" x14ac:dyDescent="0.2">
      <c r="B96" s="29"/>
      <c r="C96" s="2" t="s">
        <v>20</v>
      </c>
      <c r="D96" s="19">
        <v>7</v>
      </c>
      <c r="E96" s="20">
        <v>5</v>
      </c>
      <c r="F96" s="21">
        <v>2</v>
      </c>
      <c r="G96" s="22" t="s">
        <v>152</v>
      </c>
    </row>
    <row r="97" spans="2:7" x14ac:dyDescent="0.2">
      <c r="B97" s="29"/>
      <c r="C97" s="7"/>
      <c r="D97" s="23">
        <v>100</v>
      </c>
      <c r="E97" s="24">
        <v>71.400000000000006</v>
      </c>
      <c r="F97" s="25">
        <v>28.6</v>
      </c>
      <c r="G97" s="26" t="s">
        <v>152</v>
      </c>
    </row>
    <row r="98" spans="2:7" x14ac:dyDescent="0.2">
      <c r="B98" s="29"/>
      <c r="C98" s="2" t="s">
        <v>19</v>
      </c>
      <c r="D98" s="19">
        <v>484</v>
      </c>
      <c r="E98" s="20">
        <v>360</v>
      </c>
      <c r="F98" s="21">
        <v>115</v>
      </c>
      <c r="G98" s="22">
        <v>9</v>
      </c>
    </row>
    <row r="99" spans="2:7" x14ac:dyDescent="0.2">
      <c r="B99" s="29"/>
      <c r="C99" s="7"/>
      <c r="D99" s="23">
        <v>100</v>
      </c>
      <c r="E99" s="24">
        <v>74.400000000000006</v>
      </c>
      <c r="F99" s="25">
        <v>23.8</v>
      </c>
      <c r="G99" s="26">
        <v>1.9</v>
      </c>
    </row>
    <row r="100" spans="2:7" x14ac:dyDescent="0.2">
      <c r="B100" s="29"/>
      <c r="C100" s="2" t="s">
        <v>18</v>
      </c>
      <c r="D100" s="19">
        <v>195</v>
      </c>
      <c r="E100" s="20">
        <v>154</v>
      </c>
      <c r="F100" s="21">
        <v>30</v>
      </c>
      <c r="G100" s="22">
        <v>11</v>
      </c>
    </row>
    <row r="101" spans="2:7" x14ac:dyDescent="0.2">
      <c r="B101" s="29"/>
      <c r="C101" s="7"/>
      <c r="D101" s="23">
        <v>100</v>
      </c>
      <c r="E101" s="24">
        <v>79</v>
      </c>
      <c r="F101" s="25">
        <v>15.4</v>
      </c>
      <c r="G101" s="26">
        <v>5.6</v>
      </c>
    </row>
    <row r="102" spans="2:7" x14ac:dyDescent="0.2">
      <c r="B102" s="29"/>
      <c r="C102" s="2" t="s">
        <v>17</v>
      </c>
      <c r="D102" s="19">
        <v>1</v>
      </c>
      <c r="E102" s="20">
        <v>1</v>
      </c>
      <c r="F102" s="21" t="s">
        <v>152</v>
      </c>
      <c r="G102" s="22" t="s">
        <v>152</v>
      </c>
    </row>
    <row r="103" spans="2:7" x14ac:dyDescent="0.2">
      <c r="B103" s="29"/>
      <c r="C103" s="7"/>
      <c r="D103" s="23">
        <v>100</v>
      </c>
      <c r="E103" s="24">
        <v>100</v>
      </c>
      <c r="F103" s="25" t="s">
        <v>152</v>
      </c>
      <c r="G103" s="26" t="s">
        <v>152</v>
      </c>
    </row>
    <row r="104" spans="2:7" x14ac:dyDescent="0.2">
      <c r="B104" s="29"/>
      <c r="C104" s="2" t="s">
        <v>151</v>
      </c>
      <c r="D104" s="19">
        <v>178</v>
      </c>
      <c r="E104" s="20">
        <v>144</v>
      </c>
      <c r="F104" s="21">
        <v>26</v>
      </c>
      <c r="G104" s="22">
        <v>8</v>
      </c>
    </row>
    <row r="105" spans="2:7" x14ac:dyDescent="0.2">
      <c r="B105" s="29"/>
      <c r="C105" s="7"/>
      <c r="D105" s="23">
        <v>100</v>
      </c>
      <c r="E105" s="24">
        <v>80.900000000000006</v>
      </c>
      <c r="F105" s="25">
        <v>14.6</v>
      </c>
      <c r="G105" s="26">
        <v>4.5</v>
      </c>
    </row>
    <row r="106" spans="2:7" x14ac:dyDescent="0.2">
      <c r="B106" s="29"/>
      <c r="C106" s="2" t="s">
        <v>16</v>
      </c>
      <c r="D106" s="19">
        <v>10</v>
      </c>
      <c r="E106" s="20">
        <v>8</v>
      </c>
      <c r="F106" s="21">
        <v>2</v>
      </c>
      <c r="G106" s="22" t="s">
        <v>152</v>
      </c>
    </row>
    <row r="107" spans="2:7" x14ac:dyDescent="0.2">
      <c r="B107" s="29"/>
      <c r="C107" s="7"/>
      <c r="D107" s="23">
        <v>100</v>
      </c>
      <c r="E107" s="24">
        <v>80</v>
      </c>
      <c r="F107" s="25">
        <v>20</v>
      </c>
      <c r="G107" s="26" t="s">
        <v>152</v>
      </c>
    </row>
    <row r="108" spans="2:7" x14ac:dyDescent="0.2">
      <c r="B108" s="29"/>
      <c r="C108" s="2" t="s">
        <v>15</v>
      </c>
      <c r="D108" s="19">
        <v>211</v>
      </c>
      <c r="E108" s="20">
        <v>166</v>
      </c>
      <c r="F108" s="21">
        <v>34</v>
      </c>
      <c r="G108" s="22">
        <v>11</v>
      </c>
    </row>
    <row r="109" spans="2:7" x14ac:dyDescent="0.2">
      <c r="B109" s="29"/>
      <c r="C109" s="7"/>
      <c r="D109" s="23">
        <v>100</v>
      </c>
      <c r="E109" s="24">
        <v>78.7</v>
      </c>
      <c r="F109" s="25">
        <v>16.100000000000001</v>
      </c>
      <c r="G109" s="26">
        <v>5.2</v>
      </c>
    </row>
    <row r="110" spans="2:7" x14ac:dyDescent="0.2">
      <c r="B110" s="29"/>
      <c r="C110" s="2" t="s">
        <v>14</v>
      </c>
      <c r="D110" s="19">
        <v>12</v>
      </c>
      <c r="E110" s="20">
        <v>12</v>
      </c>
      <c r="F110" s="21" t="s">
        <v>152</v>
      </c>
      <c r="G110" s="22" t="s">
        <v>152</v>
      </c>
    </row>
    <row r="111" spans="2:7" x14ac:dyDescent="0.2">
      <c r="B111" s="29"/>
      <c r="C111" s="7"/>
      <c r="D111" s="23">
        <v>100</v>
      </c>
      <c r="E111" s="24">
        <v>100</v>
      </c>
      <c r="F111" s="25" t="s">
        <v>152</v>
      </c>
      <c r="G111" s="26" t="s">
        <v>152</v>
      </c>
    </row>
    <row r="112" spans="2:7" x14ac:dyDescent="0.2">
      <c r="B112" s="29"/>
      <c r="C112" s="2" t="s">
        <v>13</v>
      </c>
      <c r="D112" s="19">
        <v>78</v>
      </c>
      <c r="E112" s="20">
        <v>58</v>
      </c>
      <c r="F112" s="21">
        <v>12</v>
      </c>
      <c r="G112" s="22">
        <v>8</v>
      </c>
    </row>
    <row r="113" spans="2:7" x14ac:dyDescent="0.2">
      <c r="B113" s="30"/>
      <c r="C113" s="10"/>
      <c r="D113" s="15">
        <v>100</v>
      </c>
      <c r="E113" s="16">
        <v>74.400000000000006</v>
      </c>
      <c r="F113" s="17">
        <v>15.4</v>
      </c>
      <c r="G113" s="18">
        <v>10.3</v>
      </c>
    </row>
    <row r="114" spans="2:7" x14ac:dyDescent="0.2">
      <c r="B114" s="28" t="s">
        <v>31</v>
      </c>
      <c r="C114" s="9" t="s">
        <v>12</v>
      </c>
      <c r="D114" s="11">
        <v>752</v>
      </c>
      <c r="E114" s="12">
        <v>571</v>
      </c>
      <c r="F114" s="13">
        <v>158</v>
      </c>
      <c r="G114" s="14">
        <v>23</v>
      </c>
    </row>
    <row r="115" spans="2:7" x14ac:dyDescent="0.2">
      <c r="B115" s="29"/>
      <c r="C115" s="8"/>
      <c r="D115" s="15">
        <v>100</v>
      </c>
      <c r="E115" s="16">
        <v>75.900000000000006</v>
      </c>
      <c r="F115" s="17">
        <v>21</v>
      </c>
      <c r="G115" s="18">
        <v>3.1</v>
      </c>
    </row>
    <row r="116" spans="2:7" x14ac:dyDescent="0.2">
      <c r="B116" s="29"/>
      <c r="C116" s="2" t="s">
        <v>11</v>
      </c>
      <c r="D116" s="19">
        <v>2</v>
      </c>
      <c r="E116" s="20">
        <v>1</v>
      </c>
      <c r="F116" s="21" t="s">
        <v>152</v>
      </c>
      <c r="G116" s="22">
        <v>1</v>
      </c>
    </row>
    <row r="117" spans="2:7" x14ac:dyDescent="0.2">
      <c r="B117" s="29"/>
      <c r="C117" s="7"/>
      <c r="D117" s="23">
        <v>100</v>
      </c>
      <c r="E117" s="24">
        <v>50</v>
      </c>
      <c r="F117" s="25" t="s">
        <v>152</v>
      </c>
      <c r="G117" s="26">
        <v>50</v>
      </c>
    </row>
    <row r="118" spans="2:7" x14ac:dyDescent="0.2">
      <c r="B118" s="29"/>
      <c r="C118" s="2" t="s">
        <v>10</v>
      </c>
      <c r="D118" s="19">
        <v>32</v>
      </c>
      <c r="E118" s="20">
        <v>24</v>
      </c>
      <c r="F118" s="21">
        <v>7</v>
      </c>
      <c r="G118" s="22">
        <v>1</v>
      </c>
    </row>
    <row r="119" spans="2:7" x14ac:dyDescent="0.2">
      <c r="B119" s="29"/>
      <c r="C119" s="7"/>
      <c r="D119" s="23">
        <v>100</v>
      </c>
      <c r="E119" s="24">
        <v>75</v>
      </c>
      <c r="F119" s="25">
        <v>21.9</v>
      </c>
      <c r="G119" s="26">
        <v>3.1</v>
      </c>
    </row>
    <row r="120" spans="2:7" x14ac:dyDescent="0.2">
      <c r="B120" s="29"/>
      <c r="C120" s="2" t="s">
        <v>9</v>
      </c>
      <c r="D120" s="19">
        <v>33</v>
      </c>
      <c r="E120" s="20">
        <v>26</v>
      </c>
      <c r="F120" s="21">
        <v>6</v>
      </c>
      <c r="G120" s="22">
        <v>1</v>
      </c>
    </row>
    <row r="121" spans="2:7" x14ac:dyDescent="0.2">
      <c r="B121" s="29"/>
      <c r="C121" s="7"/>
      <c r="D121" s="23">
        <v>100</v>
      </c>
      <c r="E121" s="24">
        <v>78.8</v>
      </c>
      <c r="F121" s="25">
        <v>18.2</v>
      </c>
      <c r="G121" s="26">
        <v>3</v>
      </c>
    </row>
    <row r="122" spans="2:7" x14ac:dyDescent="0.2">
      <c r="B122" s="29"/>
      <c r="C122" s="2" t="s">
        <v>8</v>
      </c>
      <c r="D122" s="19">
        <v>71</v>
      </c>
      <c r="E122" s="20">
        <v>43</v>
      </c>
      <c r="F122" s="21">
        <v>27</v>
      </c>
      <c r="G122" s="22">
        <v>1</v>
      </c>
    </row>
    <row r="123" spans="2:7" x14ac:dyDescent="0.2">
      <c r="B123" s="29"/>
      <c r="C123" s="7"/>
      <c r="D123" s="23">
        <v>100</v>
      </c>
      <c r="E123" s="24">
        <v>60.6</v>
      </c>
      <c r="F123" s="25">
        <v>38</v>
      </c>
      <c r="G123" s="26">
        <v>1.4</v>
      </c>
    </row>
    <row r="124" spans="2:7" x14ac:dyDescent="0.2">
      <c r="B124" s="29"/>
      <c r="C124" s="2" t="s">
        <v>7</v>
      </c>
      <c r="D124" s="19">
        <v>152</v>
      </c>
      <c r="E124" s="20">
        <v>115</v>
      </c>
      <c r="F124" s="21">
        <v>33</v>
      </c>
      <c r="G124" s="22">
        <v>4</v>
      </c>
    </row>
    <row r="125" spans="2:7" x14ac:dyDescent="0.2">
      <c r="B125" s="29"/>
      <c r="C125" s="7"/>
      <c r="D125" s="23">
        <v>100</v>
      </c>
      <c r="E125" s="24">
        <v>75.7</v>
      </c>
      <c r="F125" s="25">
        <v>21.7</v>
      </c>
      <c r="G125" s="26">
        <v>2.6</v>
      </c>
    </row>
    <row r="126" spans="2:7" x14ac:dyDescent="0.2">
      <c r="B126" s="29"/>
      <c r="C126" s="2" t="s">
        <v>6</v>
      </c>
      <c r="D126" s="19">
        <v>176</v>
      </c>
      <c r="E126" s="20">
        <v>140</v>
      </c>
      <c r="F126" s="21">
        <v>35</v>
      </c>
      <c r="G126" s="22">
        <v>1</v>
      </c>
    </row>
    <row r="127" spans="2:7" x14ac:dyDescent="0.2">
      <c r="B127" s="29"/>
      <c r="C127" s="7"/>
      <c r="D127" s="23">
        <v>100</v>
      </c>
      <c r="E127" s="24">
        <v>79.5</v>
      </c>
      <c r="F127" s="25">
        <v>19.899999999999999</v>
      </c>
      <c r="G127" s="26">
        <v>0.6</v>
      </c>
    </row>
    <row r="128" spans="2:7" x14ac:dyDescent="0.2">
      <c r="B128" s="29"/>
      <c r="C128" s="2" t="s">
        <v>5</v>
      </c>
      <c r="D128" s="19">
        <v>37</v>
      </c>
      <c r="E128" s="20">
        <v>30</v>
      </c>
      <c r="F128" s="21">
        <v>4</v>
      </c>
      <c r="G128" s="22">
        <v>3</v>
      </c>
    </row>
    <row r="129" spans="2:7" x14ac:dyDescent="0.2">
      <c r="B129" s="29"/>
      <c r="C129" s="7"/>
      <c r="D129" s="23">
        <v>100</v>
      </c>
      <c r="E129" s="24">
        <v>81.099999999999994</v>
      </c>
      <c r="F129" s="25">
        <v>10.8</v>
      </c>
      <c r="G129" s="26">
        <v>8.1</v>
      </c>
    </row>
    <row r="130" spans="2:7" x14ac:dyDescent="0.2">
      <c r="B130" s="29"/>
      <c r="C130" s="2" t="s">
        <v>4</v>
      </c>
      <c r="D130" s="19">
        <v>67</v>
      </c>
      <c r="E130" s="20">
        <v>55</v>
      </c>
      <c r="F130" s="21">
        <v>9</v>
      </c>
      <c r="G130" s="22">
        <v>3</v>
      </c>
    </row>
    <row r="131" spans="2:7" x14ac:dyDescent="0.2">
      <c r="B131" s="29"/>
      <c r="C131" s="7"/>
      <c r="D131" s="23">
        <v>100</v>
      </c>
      <c r="E131" s="24">
        <v>82.1</v>
      </c>
      <c r="F131" s="25">
        <v>13.4</v>
      </c>
      <c r="G131" s="26">
        <v>4.5</v>
      </c>
    </row>
    <row r="132" spans="2:7" x14ac:dyDescent="0.2">
      <c r="B132" s="29"/>
      <c r="C132" s="2" t="s">
        <v>3</v>
      </c>
      <c r="D132" s="19">
        <v>159</v>
      </c>
      <c r="E132" s="20">
        <v>121</v>
      </c>
      <c r="F132" s="21">
        <v>31</v>
      </c>
      <c r="G132" s="22">
        <v>7</v>
      </c>
    </row>
    <row r="133" spans="2:7" x14ac:dyDescent="0.2">
      <c r="B133" s="29"/>
      <c r="C133" s="7"/>
      <c r="D133" s="23">
        <v>100</v>
      </c>
      <c r="E133" s="24">
        <v>76.099999999999994</v>
      </c>
      <c r="F133" s="25">
        <v>19.5</v>
      </c>
      <c r="G133" s="26">
        <v>4.4000000000000004</v>
      </c>
    </row>
    <row r="134" spans="2:7" x14ac:dyDescent="0.2">
      <c r="B134" s="29"/>
      <c r="C134" s="2" t="s">
        <v>2</v>
      </c>
      <c r="D134" s="19">
        <v>23</v>
      </c>
      <c r="E134" s="20">
        <v>16</v>
      </c>
      <c r="F134" s="21">
        <v>6</v>
      </c>
      <c r="G134" s="22">
        <v>1</v>
      </c>
    </row>
    <row r="135" spans="2:7" x14ac:dyDescent="0.2">
      <c r="B135" s="30"/>
      <c r="C135" s="10"/>
      <c r="D135" s="15">
        <v>100</v>
      </c>
      <c r="E135" s="16">
        <v>69.599999999999994</v>
      </c>
      <c r="F135" s="17">
        <v>26.1</v>
      </c>
      <c r="G135" s="18">
        <v>4.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73</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959</v>
      </c>
      <c r="F4" s="13">
        <v>232</v>
      </c>
      <c r="G4" s="14">
        <v>50</v>
      </c>
    </row>
    <row r="5" spans="2:7" x14ac:dyDescent="0.2">
      <c r="B5" s="29"/>
      <c r="C5" s="8"/>
      <c r="D5" s="15">
        <v>100</v>
      </c>
      <c r="E5" s="16">
        <v>77.3</v>
      </c>
      <c r="F5" s="17">
        <v>18.7</v>
      </c>
      <c r="G5" s="18">
        <v>4</v>
      </c>
    </row>
    <row r="6" spans="2:7" x14ac:dyDescent="0.2">
      <c r="B6" s="29"/>
      <c r="C6" s="2" t="s">
        <v>52</v>
      </c>
      <c r="D6" s="19">
        <v>557</v>
      </c>
      <c r="E6" s="20">
        <v>440</v>
      </c>
      <c r="F6" s="21">
        <v>96</v>
      </c>
      <c r="G6" s="22">
        <v>21</v>
      </c>
    </row>
    <row r="7" spans="2:7" x14ac:dyDescent="0.2">
      <c r="B7" s="29"/>
      <c r="C7" s="7"/>
      <c r="D7" s="23">
        <v>100</v>
      </c>
      <c r="E7" s="24">
        <v>79</v>
      </c>
      <c r="F7" s="25">
        <v>17.2</v>
      </c>
      <c r="G7" s="26">
        <v>3.8</v>
      </c>
    </row>
    <row r="8" spans="2:7" x14ac:dyDescent="0.2">
      <c r="B8" s="29"/>
      <c r="C8" s="2" t="s">
        <v>51</v>
      </c>
      <c r="D8" s="19">
        <v>595</v>
      </c>
      <c r="E8" s="20">
        <v>459</v>
      </c>
      <c r="F8" s="21">
        <v>121</v>
      </c>
      <c r="G8" s="22">
        <v>15</v>
      </c>
    </row>
    <row r="9" spans="2:7" x14ac:dyDescent="0.2">
      <c r="B9" s="29"/>
      <c r="C9" s="7"/>
      <c r="D9" s="23">
        <v>100</v>
      </c>
      <c r="E9" s="24">
        <v>77.099999999999994</v>
      </c>
      <c r="F9" s="25">
        <v>20.3</v>
      </c>
      <c r="G9" s="26">
        <v>2.5</v>
      </c>
    </row>
    <row r="10" spans="2:7" x14ac:dyDescent="0.2">
      <c r="B10" s="29"/>
      <c r="C10" s="2" t="s">
        <v>13</v>
      </c>
      <c r="D10" s="19">
        <v>89</v>
      </c>
      <c r="E10" s="20">
        <v>60</v>
      </c>
      <c r="F10" s="21">
        <v>15</v>
      </c>
      <c r="G10" s="22">
        <v>14</v>
      </c>
    </row>
    <row r="11" spans="2:7" x14ac:dyDescent="0.2">
      <c r="B11" s="30"/>
      <c r="C11" s="10"/>
      <c r="D11" s="15">
        <v>100</v>
      </c>
      <c r="E11" s="16">
        <v>67.400000000000006</v>
      </c>
      <c r="F11" s="17">
        <v>16.899999999999999</v>
      </c>
      <c r="G11" s="18">
        <v>15.7</v>
      </c>
    </row>
    <row r="12" spans="2:7" x14ac:dyDescent="0.2">
      <c r="B12" s="28" t="s">
        <v>54</v>
      </c>
      <c r="C12" s="9" t="s">
        <v>12</v>
      </c>
      <c r="D12" s="11">
        <v>1241</v>
      </c>
      <c r="E12" s="12">
        <v>959</v>
      </c>
      <c r="F12" s="13">
        <v>232</v>
      </c>
      <c r="G12" s="14">
        <v>50</v>
      </c>
    </row>
    <row r="13" spans="2:7" x14ac:dyDescent="0.2">
      <c r="B13" s="29"/>
      <c r="C13" s="8"/>
      <c r="D13" s="15">
        <v>100</v>
      </c>
      <c r="E13" s="16">
        <v>77.3</v>
      </c>
      <c r="F13" s="17">
        <v>18.7</v>
      </c>
      <c r="G13" s="18">
        <v>4</v>
      </c>
    </row>
    <row r="14" spans="2:7" x14ac:dyDescent="0.2">
      <c r="B14" s="29"/>
      <c r="C14" s="2" t="s">
        <v>50</v>
      </c>
      <c r="D14" s="19">
        <v>84</v>
      </c>
      <c r="E14" s="20">
        <v>67</v>
      </c>
      <c r="F14" s="21">
        <v>14</v>
      </c>
      <c r="G14" s="22">
        <v>3</v>
      </c>
    </row>
    <row r="15" spans="2:7" x14ac:dyDescent="0.2">
      <c r="B15" s="29"/>
      <c r="C15" s="7"/>
      <c r="D15" s="23">
        <v>100</v>
      </c>
      <c r="E15" s="24">
        <v>79.8</v>
      </c>
      <c r="F15" s="25">
        <v>16.7</v>
      </c>
      <c r="G15" s="26">
        <v>3.6</v>
      </c>
    </row>
    <row r="16" spans="2:7" x14ac:dyDescent="0.2">
      <c r="B16" s="29"/>
      <c r="C16" s="2" t="s">
        <v>49</v>
      </c>
      <c r="D16" s="19">
        <v>97</v>
      </c>
      <c r="E16" s="20">
        <v>84</v>
      </c>
      <c r="F16" s="21">
        <v>10</v>
      </c>
      <c r="G16" s="22">
        <v>3</v>
      </c>
    </row>
    <row r="17" spans="2:7" x14ac:dyDescent="0.2">
      <c r="B17" s="29"/>
      <c r="C17" s="7"/>
      <c r="D17" s="23">
        <v>100</v>
      </c>
      <c r="E17" s="24">
        <v>86.6</v>
      </c>
      <c r="F17" s="25">
        <v>10.3</v>
      </c>
      <c r="G17" s="26">
        <v>3.1</v>
      </c>
    </row>
    <row r="18" spans="2:7" x14ac:dyDescent="0.2">
      <c r="B18" s="29"/>
      <c r="C18" s="2" t="s">
        <v>48</v>
      </c>
      <c r="D18" s="19">
        <v>79</v>
      </c>
      <c r="E18" s="20">
        <v>69</v>
      </c>
      <c r="F18" s="21">
        <v>8</v>
      </c>
      <c r="G18" s="22">
        <v>2</v>
      </c>
    </row>
    <row r="19" spans="2:7" x14ac:dyDescent="0.2">
      <c r="B19" s="29"/>
      <c r="C19" s="7"/>
      <c r="D19" s="23">
        <v>100</v>
      </c>
      <c r="E19" s="24">
        <v>87.3</v>
      </c>
      <c r="F19" s="25">
        <v>10.1</v>
      </c>
      <c r="G19" s="26">
        <v>2.5</v>
      </c>
    </row>
    <row r="20" spans="2:7" x14ac:dyDescent="0.2">
      <c r="B20" s="29"/>
      <c r="C20" s="2" t="s">
        <v>47</v>
      </c>
      <c r="D20" s="19">
        <v>72</v>
      </c>
      <c r="E20" s="20">
        <v>58</v>
      </c>
      <c r="F20" s="21">
        <v>13</v>
      </c>
      <c r="G20" s="22">
        <v>1</v>
      </c>
    </row>
    <row r="21" spans="2:7" x14ac:dyDescent="0.2">
      <c r="B21" s="29"/>
      <c r="C21" s="7"/>
      <c r="D21" s="23">
        <v>100</v>
      </c>
      <c r="E21" s="24">
        <v>80.599999999999994</v>
      </c>
      <c r="F21" s="25">
        <v>18.100000000000001</v>
      </c>
      <c r="G21" s="26">
        <v>1.4</v>
      </c>
    </row>
    <row r="22" spans="2:7" x14ac:dyDescent="0.2">
      <c r="B22" s="29"/>
      <c r="C22" s="2" t="s">
        <v>46</v>
      </c>
      <c r="D22" s="19">
        <v>15</v>
      </c>
      <c r="E22" s="20">
        <v>11</v>
      </c>
      <c r="F22" s="21">
        <v>4</v>
      </c>
      <c r="G22" s="22" t="s">
        <v>152</v>
      </c>
    </row>
    <row r="23" spans="2:7" x14ac:dyDescent="0.2">
      <c r="B23" s="29"/>
      <c r="C23" s="7"/>
      <c r="D23" s="23">
        <v>100</v>
      </c>
      <c r="E23" s="24">
        <v>73.3</v>
      </c>
      <c r="F23" s="25">
        <v>26.7</v>
      </c>
      <c r="G23" s="26" t="s">
        <v>152</v>
      </c>
    </row>
    <row r="24" spans="2:7" x14ac:dyDescent="0.2">
      <c r="B24" s="29"/>
      <c r="C24" s="2" t="s">
        <v>45</v>
      </c>
      <c r="D24" s="19">
        <v>77</v>
      </c>
      <c r="E24" s="20">
        <v>60</v>
      </c>
      <c r="F24" s="21">
        <v>15</v>
      </c>
      <c r="G24" s="22">
        <v>2</v>
      </c>
    </row>
    <row r="25" spans="2:7" x14ac:dyDescent="0.2">
      <c r="B25" s="29"/>
      <c r="C25" s="7"/>
      <c r="D25" s="23">
        <v>100</v>
      </c>
      <c r="E25" s="24">
        <v>77.900000000000006</v>
      </c>
      <c r="F25" s="25">
        <v>19.5</v>
      </c>
      <c r="G25" s="26">
        <v>2.6</v>
      </c>
    </row>
    <row r="26" spans="2:7" x14ac:dyDescent="0.2">
      <c r="B26" s="29"/>
      <c r="C26" s="2" t="s">
        <v>44</v>
      </c>
      <c r="D26" s="19">
        <v>260</v>
      </c>
      <c r="E26" s="20">
        <v>205</v>
      </c>
      <c r="F26" s="21">
        <v>44</v>
      </c>
      <c r="G26" s="22">
        <v>11</v>
      </c>
    </row>
    <row r="27" spans="2:7" x14ac:dyDescent="0.2">
      <c r="B27" s="29"/>
      <c r="C27" s="7"/>
      <c r="D27" s="23">
        <v>100</v>
      </c>
      <c r="E27" s="24">
        <v>78.8</v>
      </c>
      <c r="F27" s="25">
        <v>16.899999999999999</v>
      </c>
      <c r="G27" s="26">
        <v>4.2</v>
      </c>
    </row>
    <row r="28" spans="2:7" x14ac:dyDescent="0.2">
      <c r="B28" s="29"/>
      <c r="C28" s="2" t="s">
        <v>43</v>
      </c>
      <c r="D28" s="19">
        <v>334</v>
      </c>
      <c r="E28" s="20">
        <v>263</v>
      </c>
      <c r="F28" s="21">
        <v>55</v>
      </c>
      <c r="G28" s="22">
        <v>16</v>
      </c>
    </row>
    <row r="29" spans="2:7" x14ac:dyDescent="0.2">
      <c r="B29" s="29"/>
      <c r="C29" s="7"/>
      <c r="D29" s="23">
        <v>100</v>
      </c>
      <c r="E29" s="24">
        <v>78.7</v>
      </c>
      <c r="F29" s="25">
        <v>16.5</v>
      </c>
      <c r="G29" s="26">
        <v>4.8</v>
      </c>
    </row>
    <row r="30" spans="2:7" x14ac:dyDescent="0.2">
      <c r="B30" s="29"/>
      <c r="C30" s="2" t="s">
        <v>14</v>
      </c>
      <c r="D30" s="19">
        <v>28</v>
      </c>
      <c r="E30" s="20">
        <v>20</v>
      </c>
      <c r="F30" s="21">
        <v>4</v>
      </c>
      <c r="G30" s="22">
        <v>4</v>
      </c>
    </row>
    <row r="31" spans="2:7" x14ac:dyDescent="0.2">
      <c r="B31" s="29"/>
      <c r="C31" s="7"/>
      <c r="D31" s="23">
        <v>100</v>
      </c>
      <c r="E31" s="24">
        <v>71.400000000000006</v>
      </c>
      <c r="F31" s="25">
        <v>14.3</v>
      </c>
      <c r="G31" s="26">
        <v>14.3</v>
      </c>
    </row>
    <row r="32" spans="2:7" x14ac:dyDescent="0.2">
      <c r="B32" s="29"/>
      <c r="C32" s="2" t="s">
        <v>42</v>
      </c>
      <c r="D32" s="19">
        <v>390</v>
      </c>
      <c r="E32" s="20">
        <v>293</v>
      </c>
      <c r="F32" s="21">
        <v>88</v>
      </c>
      <c r="G32" s="22">
        <v>9</v>
      </c>
    </row>
    <row r="33" spans="2:7" x14ac:dyDescent="0.2">
      <c r="B33" s="29"/>
      <c r="C33" s="7"/>
      <c r="D33" s="23">
        <v>100</v>
      </c>
      <c r="E33" s="24">
        <v>75.099999999999994</v>
      </c>
      <c r="F33" s="25">
        <v>22.6</v>
      </c>
      <c r="G33" s="26">
        <v>2.2999999999999998</v>
      </c>
    </row>
    <row r="34" spans="2:7" x14ac:dyDescent="0.2">
      <c r="B34" s="29"/>
      <c r="C34" s="2" t="s">
        <v>13</v>
      </c>
      <c r="D34" s="19">
        <v>70</v>
      </c>
      <c r="E34" s="20">
        <v>47</v>
      </c>
      <c r="F34" s="21">
        <v>14</v>
      </c>
      <c r="G34" s="22">
        <v>9</v>
      </c>
    </row>
    <row r="35" spans="2:7" x14ac:dyDescent="0.2">
      <c r="B35" s="30"/>
      <c r="C35" s="10"/>
      <c r="D35" s="15">
        <v>100</v>
      </c>
      <c r="E35" s="16">
        <v>67.099999999999994</v>
      </c>
      <c r="F35" s="17">
        <v>20</v>
      </c>
      <c r="G35" s="18">
        <v>12.9</v>
      </c>
    </row>
    <row r="36" spans="2:7" x14ac:dyDescent="0.2">
      <c r="B36" s="28" t="s">
        <v>53</v>
      </c>
      <c r="C36" s="9" t="s">
        <v>12</v>
      </c>
      <c r="D36" s="11">
        <v>1241</v>
      </c>
      <c r="E36" s="12">
        <v>959</v>
      </c>
      <c r="F36" s="13">
        <v>232</v>
      </c>
      <c r="G36" s="14">
        <v>50</v>
      </c>
    </row>
    <row r="37" spans="2:7" x14ac:dyDescent="0.2">
      <c r="B37" s="29"/>
      <c r="C37" s="8"/>
      <c r="D37" s="15">
        <v>100</v>
      </c>
      <c r="E37" s="16">
        <v>77.3</v>
      </c>
      <c r="F37" s="17">
        <v>18.7</v>
      </c>
      <c r="G37" s="18">
        <v>4</v>
      </c>
    </row>
    <row r="38" spans="2:7" x14ac:dyDescent="0.2">
      <c r="B38" s="29"/>
      <c r="C38" s="2" t="s">
        <v>41</v>
      </c>
      <c r="D38" s="19">
        <v>799</v>
      </c>
      <c r="E38" s="20">
        <v>623</v>
      </c>
      <c r="F38" s="21">
        <v>160</v>
      </c>
      <c r="G38" s="22">
        <v>16</v>
      </c>
    </row>
    <row r="39" spans="2:7" x14ac:dyDescent="0.2">
      <c r="B39" s="29"/>
      <c r="C39" s="7"/>
      <c r="D39" s="23">
        <v>100</v>
      </c>
      <c r="E39" s="24">
        <v>78</v>
      </c>
      <c r="F39" s="25">
        <v>20</v>
      </c>
      <c r="G39" s="26">
        <v>2</v>
      </c>
    </row>
    <row r="40" spans="2:7" x14ac:dyDescent="0.2">
      <c r="B40" s="29"/>
      <c r="C40" s="2" t="s">
        <v>40</v>
      </c>
      <c r="D40" s="19">
        <v>182</v>
      </c>
      <c r="E40" s="20">
        <v>144</v>
      </c>
      <c r="F40" s="21">
        <v>30</v>
      </c>
      <c r="G40" s="22">
        <v>8</v>
      </c>
    </row>
    <row r="41" spans="2:7" x14ac:dyDescent="0.2">
      <c r="B41" s="29"/>
      <c r="C41" s="7"/>
      <c r="D41" s="23">
        <v>100</v>
      </c>
      <c r="E41" s="24">
        <v>79.099999999999994</v>
      </c>
      <c r="F41" s="25">
        <v>16.5</v>
      </c>
      <c r="G41" s="26">
        <v>4.4000000000000004</v>
      </c>
    </row>
    <row r="42" spans="2:7" x14ac:dyDescent="0.2">
      <c r="B42" s="29"/>
      <c r="C42" s="2" t="s">
        <v>39</v>
      </c>
      <c r="D42" s="19">
        <v>72</v>
      </c>
      <c r="E42" s="20">
        <v>60</v>
      </c>
      <c r="F42" s="21">
        <v>11</v>
      </c>
      <c r="G42" s="22">
        <v>1</v>
      </c>
    </row>
    <row r="43" spans="2:7" x14ac:dyDescent="0.2">
      <c r="B43" s="29"/>
      <c r="C43" s="7"/>
      <c r="D43" s="23">
        <v>100</v>
      </c>
      <c r="E43" s="24">
        <v>83.3</v>
      </c>
      <c r="F43" s="25">
        <v>15.3</v>
      </c>
      <c r="G43" s="26">
        <v>1.4</v>
      </c>
    </row>
    <row r="44" spans="2:7" x14ac:dyDescent="0.2">
      <c r="B44" s="29"/>
      <c r="C44" s="2" t="s">
        <v>38</v>
      </c>
      <c r="D44" s="19">
        <v>127</v>
      </c>
      <c r="E44" s="20">
        <v>89</v>
      </c>
      <c r="F44" s="21">
        <v>22</v>
      </c>
      <c r="G44" s="22">
        <v>16</v>
      </c>
    </row>
    <row r="45" spans="2:7" x14ac:dyDescent="0.2">
      <c r="B45" s="29"/>
      <c r="C45" s="7"/>
      <c r="D45" s="23">
        <v>100</v>
      </c>
      <c r="E45" s="24">
        <v>70.099999999999994</v>
      </c>
      <c r="F45" s="25">
        <v>17.3</v>
      </c>
      <c r="G45" s="26">
        <v>12.6</v>
      </c>
    </row>
    <row r="46" spans="2:7" x14ac:dyDescent="0.2">
      <c r="B46" s="29"/>
      <c r="C46" s="2" t="s">
        <v>13</v>
      </c>
      <c r="D46" s="19">
        <v>61</v>
      </c>
      <c r="E46" s="20">
        <v>43</v>
      </c>
      <c r="F46" s="21">
        <v>9</v>
      </c>
      <c r="G46" s="22">
        <v>9</v>
      </c>
    </row>
    <row r="47" spans="2:7" x14ac:dyDescent="0.2">
      <c r="B47" s="30"/>
      <c r="C47" s="10"/>
      <c r="D47" s="15">
        <v>100</v>
      </c>
      <c r="E47" s="16">
        <v>70.5</v>
      </c>
      <c r="F47" s="17">
        <v>14.8</v>
      </c>
      <c r="G47" s="18">
        <v>14.8</v>
      </c>
    </row>
  </sheetData>
  <mergeCells count="3">
    <mergeCell ref="B4:B11"/>
    <mergeCell ref="B12:B35"/>
    <mergeCell ref="B36:B47"/>
  </mergeCells>
  <phoneticPr fontId="2"/>
  <pageMargins left="0.7" right="0.7" top="0.75" bottom="0.75" header="0.3" footer="0.3"/>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72</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679</v>
      </c>
      <c r="F4" s="13">
        <v>474</v>
      </c>
      <c r="G4" s="14">
        <v>88</v>
      </c>
    </row>
    <row r="5" spans="2:7" x14ac:dyDescent="0.2">
      <c r="B5" s="29"/>
      <c r="C5" s="8"/>
      <c r="D5" s="15">
        <v>100</v>
      </c>
      <c r="E5" s="16">
        <v>54.7</v>
      </c>
      <c r="F5" s="17">
        <v>38.200000000000003</v>
      </c>
      <c r="G5" s="18">
        <v>7.1</v>
      </c>
    </row>
    <row r="6" spans="2:7" x14ac:dyDescent="0.2">
      <c r="B6" s="29"/>
      <c r="C6" s="2" t="s">
        <v>30</v>
      </c>
      <c r="D6" s="19">
        <v>499</v>
      </c>
      <c r="E6" s="20">
        <v>288</v>
      </c>
      <c r="F6" s="21">
        <v>186</v>
      </c>
      <c r="G6" s="22">
        <v>25</v>
      </c>
    </row>
    <row r="7" spans="2:7" x14ac:dyDescent="0.2">
      <c r="B7" s="29"/>
      <c r="C7" s="7"/>
      <c r="D7" s="23">
        <v>100</v>
      </c>
      <c r="E7" s="24">
        <v>57.7</v>
      </c>
      <c r="F7" s="25">
        <v>37.299999999999997</v>
      </c>
      <c r="G7" s="26">
        <v>5</v>
      </c>
    </row>
    <row r="8" spans="2:7" x14ac:dyDescent="0.2">
      <c r="B8" s="29"/>
      <c r="C8" s="2" t="s">
        <v>29</v>
      </c>
      <c r="D8" s="19">
        <v>150</v>
      </c>
      <c r="E8" s="20">
        <v>87</v>
      </c>
      <c r="F8" s="21">
        <v>54</v>
      </c>
      <c r="G8" s="22">
        <v>9</v>
      </c>
    </row>
    <row r="9" spans="2:7" x14ac:dyDescent="0.2">
      <c r="B9" s="29"/>
      <c r="C9" s="7"/>
      <c r="D9" s="23">
        <v>100</v>
      </c>
      <c r="E9" s="24">
        <v>58</v>
      </c>
      <c r="F9" s="25">
        <v>36</v>
      </c>
      <c r="G9" s="26">
        <v>6</v>
      </c>
    </row>
    <row r="10" spans="2:7" x14ac:dyDescent="0.2">
      <c r="B10" s="29"/>
      <c r="C10" s="2" t="s">
        <v>28</v>
      </c>
      <c r="D10" s="19">
        <v>82</v>
      </c>
      <c r="E10" s="20">
        <v>43</v>
      </c>
      <c r="F10" s="21">
        <v>32</v>
      </c>
      <c r="G10" s="22">
        <v>7</v>
      </c>
    </row>
    <row r="11" spans="2:7" x14ac:dyDescent="0.2">
      <c r="B11" s="29"/>
      <c r="C11" s="7"/>
      <c r="D11" s="23">
        <v>100</v>
      </c>
      <c r="E11" s="24">
        <v>52.4</v>
      </c>
      <c r="F11" s="25">
        <v>39</v>
      </c>
      <c r="G11" s="26">
        <v>8.5</v>
      </c>
    </row>
    <row r="12" spans="2:7" x14ac:dyDescent="0.2">
      <c r="B12" s="29"/>
      <c r="C12" s="2" t="s">
        <v>27</v>
      </c>
      <c r="D12" s="19">
        <v>92</v>
      </c>
      <c r="E12" s="20">
        <v>52</v>
      </c>
      <c r="F12" s="21">
        <v>34</v>
      </c>
      <c r="G12" s="22">
        <v>6</v>
      </c>
    </row>
    <row r="13" spans="2:7" x14ac:dyDescent="0.2">
      <c r="B13" s="29"/>
      <c r="C13" s="7"/>
      <c r="D13" s="23">
        <v>100</v>
      </c>
      <c r="E13" s="24">
        <v>56.5</v>
      </c>
      <c r="F13" s="25">
        <v>37</v>
      </c>
      <c r="G13" s="26">
        <v>6.5</v>
      </c>
    </row>
    <row r="14" spans="2:7" x14ac:dyDescent="0.2">
      <c r="B14" s="29"/>
      <c r="C14" s="2" t="s">
        <v>26</v>
      </c>
      <c r="D14" s="19">
        <v>112</v>
      </c>
      <c r="E14" s="20">
        <v>57</v>
      </c>
      <c r="F14" s="21">
        <v>44</v>
      </c>
      <c r="G14" s="22">
        <v>11</v>
      </c>
    </row>
    <row r="15" spans="2:7" x14ac:dyDescent="0.2">
      <c r="B15" s="29"/>
      <c r="C15" s="7"/>
      <c r="D15" s="23">
        <v>100</v>
      </c>
      <c r="E15" s="24">
        <v>50.9</v>
      </c>
      <c r="F15" s="25">
        <v>39.299999999999997</v>
      </c>
      <c r="G15" s="26">
        <v>9.8000000000000007</v>
      </c>
    </row>
    <row r="16" spans="2:7" x14ac:dyDescent="0.2">
      <c r="B16" s="29"/>
      <c r="C16" s="2" t="s">
        <v>25</v>
      </c>
      <c r="D16" s="19">
        <v>188</v>
      </c>
      <c r="E16" s="20">
        <v>99</v>
      </c>
      <c r="F16" s="21">
        <v>74</v>
      </c>
      <c r="G16" s="22">
        <v>15</v>
      </c>
    </row>
    <row r="17" spans="2:7" x14ac:dyDescent="0.2">
      <c r="B17" s="29"/>
      <c r="C17" s="7"/>
      <c r="D17" s="23">
        <v>100</v>
      </c>
      <c r="E17" s="24">
        <v>52.7</v>
      </c>
      <c r="F17" s="25">
        <v>39.4</v>
      </c>
      <c r="G17" s="26">
        <v>8</v>
      </c>
    </row>
    <row r="18" spans="2:7" x14ac:dyDescent="0.2">
      <c r="B18" s="29"/>
      <c r="C18" s="2" t="s">
        <v>24</v>
      </c>
      <c r="D18" s="19">
        <v>60</v>
      </c>
      <c r="E18" s="20">
        <v>29</v>
      </c>
      <c r="F18" s="21">
        <v>26</v>
      </c>
      <c r="G18" s="22">
        <v>5</v>
      </c>
    </row>
    <row r="19" spans="2:7" x14ac:dyDescent="0.2">
      <c r="B19" s="29"/>
      <c r="C19" s="7"/>
      <c r="D19" s="23">
        <v>100</v>
      </c>
      <c r="E19" s="24">
        <v>48.3</v>
      </c>
      <c r="F19" s="25">
        <v>43.3</v>
      </c>
      <c r="G19" s="26">
        <v>8.3000000000000007</v>
      </c>
    </row>
    <row r="20" spans="2:7" x14ac:dyDescent="0.2">
      <c r="B20" s="29"/>
      <c r="C20" s="2" t="s">
        <v>13</v>
      </c>
      <c r="D20" s="19">
        <v>58</v>
      </c>
      <c r="E20" s="20">
        <v>24</v>
      </c>
      <c r="F20" s="21">
        <v>24</v>
      </c>
      <c r="G20" s="22">
        <v>10</v>
      </c>
    </row>
    <row r="21" spans="2:7" x14ac:dyDescent="0.2">
      <c r="B21" s="30"/>
      <c r="C21" s="10"/>
      <c r="D21" s="15">
        <v>100</v>
      </c>
      <c r="E21" s="16">
        <v>41.4</v>
      </c>
      <c r="F21" s="17">
        <v>41.4</v>
      </c>
      <c r="G21" s="18">
        <v>17.2</v>
      </c>
    </row>
    <row r="22" spans="2:7" x14ac:dyDescent="0.2">
      <c r="B22" s="28" t="s">
        <v>35</v>
      </c>
      <c r="C22" s="9" t="s">
        <v>12</v>
      </c>
      <c r="D22" s="11">
        <v>1241</v>
      </c>
      <c r="E22" s="12">
        <v>679</v>
      </c>
      <c r="F22" s="13">
        <v>474</v>
      </c>
      <c r="G22" s="14">
        <v>88</v>
      </c>
    </row>
    <row r="23" spans="2:7" x14ac:dyDescent="0.2">
      <c r="B23" s="29"/>
      <c r="C23" s="8"/>
      <c r="D23" s="15">
        <v>100</v>
      </c>
      <c r="E23" s="16">
        <v>54.7</v>
      </c>
      <c r="F23" s="17">
        <v>38.200000000000003</v>
      </c>
      <c r="G23" s="18">
        <v>7.1</v>
      </c>
    </row>
    <row r="24" spans="2:7" x14ac:dyDescent="0.2">
      <c r="B24" s="29"/>
      <c r="C24" s="2" t="s">
        <v>23</v>
      </c>
      <c r="D24" s="19">
        <v>563</v>
      </c>
      <c r="E24" s="20">
        <v>277</v>
      </c>
      <c r="F24" s="21">
        <v>258</v>
      </c>
      <c r="G24" s="22">
        <v>28</v>
      </c>
    </row>
    <row r="25" spans="2:7" x14ac:dyDescent="0.2">
      <c r="B25" s="29"/>
      <c r="C25" s="7"/>
      <c r="D25" s="23">
        <v>100</v>
      </c>
      <c r="E25" s="24">
        <v>49.2</v>
      </c>
      <c r="F25" s="25">
        <v>45.8</v>
      </c>
      <c r="G25" s="26">
        <v>5</v>
      </c>
    </row>
    <row r="26" spans="2:7" x14ac:dyDescent="0.2">
      <c r="B26" s="29"/>
      <c r="C26" s="2" t="s">
        <v>22</v>
      </c>
      <c r="D26" s="19">
        <v>607</v>
      </c>
      <c r="E26" s="20">
        <v>372</v>
      </c>
      <c r="F26" s="21">
        <v>185</v>
      </c>
      <c r="G26" s="22">
        <v>50</v>
      </c>
    </row>
    <row r="27" spans="2:7" x14ac:dyDescent="0.2">
      <c r="B27" s="29"/>
      <c r="C27" s="7"/>
      <c r="D27" s="23">
        <v>100</v>
      </c>
      <c r="E27" s="24">
        <v>61.3</v>
      </c>
      <c r="F27" s="25">
        <v>30.5</v>
      </c>
      <c r="G27" s="26">
        <v>8.1999999999999993</v>
      </c>
    </row>
    <row r="28" spans="2:7" x14ac:dyDescent="0.2">
      <c r="B28" s="29"/>
      <c r="C28" s="2" t="s">
        <v>13</v>
      </c>
      <c r="D28" s="19">
        <v>71</v>
      </c>
      <c r="E28" s="20">
        <v>30</v>
      </c>
      <c r="F28" s="21">
        <v>31</v>
      </c>
      <c r="G28" s="22">
        <v>10</v>
      </c>
    </row>
    <row r="29" spans="2:7" x14ac:dyDescent="0.2">
      <c r="B29" s="30"/>
      <c r="C29" s="10"/>
      <c r="D29" s="15">
        <v>100</v>
      </c>
      <c r="E29" s="16">
        <v>42.3</v>
      </c>
      <c r="F29" s="17">
        <v>43.7</v>
      </c>
      <c r="G29" s="18">
        <v>14.1</v>
      </c>
    </row>
    <row r="30" spans="2:7" x14ac:dyDescent="0.2">
      <c r="B30" s="28" t="s">
        <v>34</v>
      </c>
      <c r="C30" s="9" t="s">
        <v>12</v>
      </c>
      <c r="D30" s="11">
        <v>1241</v>
      </c>
      <c r="E30" s="12">
        <v>679</v>
      </c>
      <c r="F30" s="13">
        <v>474</v>
      </c>
      <c r="G30" s="14">
        <v>88</v>
      </c>
    </row>
    <row r="31" spans="2:7" x14ac:dyDescent="0.2">
      <c r="B31" s="29"/>
      <c r="C31" s="8"/>
      <c r="D31" s="15">
        <v>100</v>
      </c>
      <c r="E31" s="16">
        <v>54.7</v>
      </c>
      <c r="F31" s="17">
        <v>38.200000000000003</v>
      </c>
      <c r="G31" s="18">
        <v>7.1</v>
      </c>
    </row>
    <row r="32" spans="2:7" x14ac:dyDescent="0.2">
      <c r="B32" s="29"/>
      <c r="C32" s="2" t="s">
        <v>76</v>
      </c>
      <c r="D32" s="19">
        <v>3</v>
      </c>
      <c r="E32" s="20">
        <v>1</v>
      </c>
      <c r="F32" s="21">
        <v>2</v>
      </c>
      <c r="G32" s="22" t="s">
        <v>152</v>
      </c>
    </row>
    <row r="33" spans="2:7" x14ac:dyDescent="0.2">
      <c r="B33" s="29"/>
      <c r="C33" s="7"/>
      <c r="D33" s="23">
        <v>100</v>
      </c>
      <c r="E33" s="24">
        <v>33.299999999999997</v>
      </c>
      <c r="F33" s="25">
        <v>66.7</v>
      </c>
      <c r="G33" s="26" t="s">
        <v>152</v>
      </c>
    </row>
    <row r="34" spans="2:7" x14ac:dyDescent="0.2">
      <c r="B34" s="29"/>
      <c r="C34" s="2" t="s">
        <v>78</v>
      </c>
      <c r="D34" s="19">
        <v>51</v>
      </c>
      <c r="E34" s="20">
        <v>26</v>
      </c>
      <c r="F34" s="21">
        <v>25</v>
      </c>
      <c r="G34" s="22" t="s">
        <v>152</v>
      </c>
    </row>
    <row r="35" spans="2:7" x14ac:dyDescent="0.2">
      <c r="B35" s="29"/>
      <c r="C35" s="7"/>
      <c r="D35" s="23">
        <v>100</v>
      </c>
      <c r="E35" s="24">
        <v>51</v>
      </c>
      <c r="F35" s="25">
        <v>49</v>
      </c>
      <c r="G35" s="26" t="s">
        <v>152</v>
      </c>
    </row>
    <row r="36" spans="2:7" x14ac:dyDescent="0.2">
      <c r="B36" s="29"/>
      <c r="C36" s="2" t="s">
        <v>147</v>
      </c>
      <c r="D36" s="19">
        <v>54</v>
      </c>
      <c r="E36" s="20">
        <v>27</v>
      </c>
      <c r="F36" s="21">
        <v>27</v>
      </c>
      <c r="G36" s="22" t="s">
        <v>152</v>
      </c>
    </row>
    <row r="37" spans="2:7" x14ac:dyDescent="0.2">
      <c r="B37" s="29"/>
      <c r="C37" s="7"/>
      <c r="D37" s="23">
        <v>100</v>
      </c>
      <c r="E37" s="24">
        <v>50</v>
      </c>
      <c r="F37" s="25">
        <v>50</v>
      </c>
      <c r="G37" s="26" t="s">
        <v>152</v>
      </c>
    </row>
    <row r="38" spans="2:7" x14ac:dyDescent="0.2">
      <c r="B38" s="29"/>
      <c r="C38" s="2" t="s">
        <v>80</v>
      </c>
      <c r="D38" s="19">
        <v>116</v>
      </c>
      <c r="E38" s="20">
        <v>54</v>
      </c>
      <c r="F38" s="21">
        <v>60</v>
      </c>
      <c r="G38" s="22">
        <v>2</v>
      </c>
    </row>
    <row r="39" spans="2:7" x14ac:dyDescent="0.2">
      <c r="B39" s="29"/>
      <c r="C39" s="7"/>
      <c r="D39" s="23">
        <v>100</v>
      </c>
      <c r="E39" s="24">
        <v>46.6</v>
      </c>
      <c r="F39" s="25">
        <v>51.7</v>
      </c>
      <c r="G39" s="26">
        <v>1.7</v>
      </c>
    </row>
    <row r="40" spans="2:7" x14ac:dyDescent="0.2">
      <c r="B40" s="29"/>
      <c r="C40" s="2" t="s">
        <v>82</v>
      </c>
      <c r="D40" s="19">
        <v>200</v>
      </c>
      <c r="E40" s="20">
        <v>106</v>
      </c>
      <c r="F40" s="21">
        <v>83</v>
      </c>
      <c r="G40" s="22">
        <v>11</v>
      </c>
    </row>
    <row r="41" spans="2:7" x14ac:dyDescent="0.2">
      <c r="B41" s="29"/>
      <c r="C41" s="7"/>
      <c r="D41" s="23">
        <v>100</v>
      </c>
      <c r="E41" s="24">
        <v>53</v>
      </c>
      <c r="F41" s="25">
        <v>41.5</v>
      </c>
      <c r="G41" s="26">
        <v>5.5</v>
      </c>
    </row>
    <row r="42" spans="2:7" x14ac:dyDescent="0.2">
      <c r="B42" s="29"/>
      <c r="C42" s="2" t="s">
        <v>84</v>
      </c>
      <c r="D42" s="19">
        <v>289</v>
      </c>
      <c r="E42" s="20">
        <v>165</v>
      </c>
      <c r="F42" s="21">
        <v>112</v>
      </c>
      <c r="G42" s="22">
        <v>12</v>
      </c>
    </row>
    <row r="43" spans="2:7" x14ac:dyDescent="0.2">
      <c r="B43" s="29"/>
      <c r="C43" s="7"/>
      <c r="D43" s="23">
        <v>100</v>
      </c>
      <c r="E43" s="24">
        <v>57.1</v>
      </c>
      <c r="F43" s="25">
        <v>38.799999999999997</v>
      </c>
      <c r="G43" s="26">
        <v>4.2</v>
      </c>
    </row>
    <row r="44" spans="2:7" x14ac:dyDescent="0.2">
      <c r="B44" s="29"/>
      <c r="C44" s="2" t="s">
        <v>86</v>
      </c>
      <c r="D44" s="19">
        <v>247</v>
      </c>
      <c r="E44" s="20">
        <v>136</v>
      </c>
      <c r="F44" s="21">
        <v>88</v>
      </c>
      <c r="G44" s="22">
        <v>23</v>
      </c>
    </row>
    <row r="45" spans="2:7" x14ac:dyDescent="0.2">
      <c r="B45" s="29"/>
      <c r="C45" s="7"/>
      <c r="D45" s="23">
        <v>100</v>
      </c>
      <c r="E45" s="24">
        <v>55.1</v>
      </c>
      <c r="F45" s="25">
        <v>35.6</v>
      </c>
      <c r="G45" s="26">
        <v>9.3000000000000007</v>
      </c>
    </row>
    <row r="46" spans="2:7" x14ac:dyDescent="0.2">
      <c r="B46" s="29"/>
      <c r="C46" s="2" t="s">
        <v>88</v>
      </c>
      <c r="D46" s="19">
        <v>125</v>
      </c>
      <c r="E46" s="20">
        <v>78</v>
      </c>
      <c r="F46" s="21">
        <v>34</v>
      </c>
      <c r="G46" s="22">
        <v>13</v>
      </c>
    </row>
    <row r="47" spans="2:7" x14ac:dyDescent="0.2">
      <c r="B47" s="29"/>
      <c r="C47" s="7"/>
      <c r="D47" s="23">
        <v>100</v>
      </c>
      <c r="E47" s="24">
        <v>62.4</v>
      </c>
      <c r="F47" s="25">
        <v>27.2</v>
      </c>
      <c r="G47" s="26">
        <v>10.4</v>
      </c>
    </row>
    <row r="48" spans="2:7" x14ac:dyDescent="0.2">
      <c r="B48" s="29"/>
      <c r="C48" s="2" t="s">
        <v>90</v>
      </c>
      <c r="D48" s="19">
        <v>150</v>
      </c>
      <c r="E48" s="20">
        <v>86</v>
      </c>
      <c r="F48" s="21">
        <v>47</v>
      </c>
      <c r="G48" s="22">
        <v>17</v>
      </c>
    </row>
    <row r="49" spans="2:7" x14ac:dyDescent="0.2">
      <c r="B49" s="29"/>
      <c r="C49" s="7"/>
      <c r="D49" s="23">
        <v>100</v>
      </c>
      <c r="E49" s="24">
        <v>57.3</v>
      </c>
      <c r="F49" s="25">
        <v>31.3</v>
      </c>
      <c r="G49" s="26">
        <v>11.3</v>
      </c>
    </row>
    <row r="50" spans="2:7" x14ac:dyDescent="0.2">
      <c r="B50" s="29"/>
      <c r="C50" s="2" t="s">
        <v>92</v>
      </c>
      <c r="D50" s="19">
        <v>60</v>
      </c>
      <c r="E50" s="20">
        <v>27</v>
      </c>
      <c r="F50" s="21">
        <v>23</v>
      </c>
      <c r="G50" s="22">
        <v>10</v>
      </c>
    </row>
    <row r="51" spans="2:7" x14ac:dyDescent="0.2">
      <c r="B51" s="29"/>
      <c r="C51" s="10"/>
      <c r="D51" s="23">
        <v>100</v>
      </c>
      <c r="E51" s="24">
        <v>45</v>
      </c>
      <c r="F51" s="25">
        <v>38.299999999999997</v>
      </c>
      <c r="G51" s="26">
        <v>16.7</v>
      </c>
    </row>
    <row r="52" spans="2:7" x14ac:dyDescent="0.2">
      <c r="B52" s="28" t="s">
        <v>33</v>
      </c>
      <c r="C52" s="9" t="s">
        <v>12</v>
      </c>
      <c r="D52" s="11">
        <v>1241</v>
      </c>
      <c r="E52" s="12">
        <v>679</v>
      </c>
      <c r="F52" s="13">
        <v>474</v>
      </c>
      <c r="G52" s="14">
        <v>88</v>
      </c>
    </row>
    <row r="53" spans="2:7" x14ac:dyDescent="0.2">
      <c r="B53" s="29"/>
      <c r="C53" s="8"/>
      <c r="D53" s="15">
        <v>100</v>
      </c>
      <c r="E53" s="16">
        <v>54.7</v>
      </c>
      <c r="F53" s="17">
        <v>38.200000000000003</v>
      </c>
      <c r="G53" s="18">
        <v>7.1</v>
      </c>
    </row>
    <row r="54" spans="2:7" x14ac:dyDescent="0.2">
      <c r="B54" s="29"/>
      <c r="C54" s="2" t="s">
        <v>57</v>
      </c>
      <c r="D54" s="19">
        <v>2</v>
      </c>
      <c r="E54" s="20">
        <v>1</v>
      </c>
      <c r="F54" s="21">
        <v>1</v>
      </c>
      <c r="G54" s="22" t="s">
        <v>152</v>
      </c>
    </row>
    <row r="55" spans="2:7" x14ac:dyDescent="0.2">
      <c r="B55" s="29"/>
      <c r="C55" s="7"/>
      <c r="D55" s="23">
        <v>100</v>
      </c>
      <c r="E55" s="24">
        <v>50</v>
      </c>
      <c r="F55" s="25">
        <v>50</v>
      </c>
      <c r="G55" s="26" t="s">
        <v>152</v>
      </c>
    </row>
    <row r="56" spans="2:7" x14ac:dyDescent="0.2">
      <c r="B56" s="29"/>
      <c r="C56" s="2" t="s">
        <v>63</v>
      </c>
      <c r="D56" s="19">
        <v>20</v>
      </c>
      <c r="E56" s="20">
        <v>6</v>
      </c>
      <c r="F56" s="21">
        <v>14</v>
      </c>
      <c r="G56" s="22" t="s">
        <v>152</v>
      </c>
    </row>
    <row r="57" spans="2:7" x14ac:dyDescent="0.2">
      <c r="B57" s="29"/>
      <c r="C57" s="7"/>
      <c r="D57" s="23">
        <v>100</v>
      </c>
      <c r="E57" s="24">
        <v>30</v>
      </c>
      <c r="F57" s="25">
        <v>70</v>
      </c>
      <c r="G57" s="26" t="s">
        <v>152</v>
      </c>
    </row>
    <row r="58" spans="2:7" x14ac:dyDescent="0.2">
      <c r="B58" s="29"/>
      <c r="C58" s="2" t="s">
        <v>148</v>
      </c>
      <c r="D58" s="19">
        <v>22</v>
      </c>
      <c r="E58" s="20">
        <v>7</v>
      </c>
      <c r="F58" s="21">
        <v>15</v>
      </c>
      <c r="G58" s="22" t="s">
        <v>152</v>
      </c>
    </row>
    <row r="59" spans="2:7" x14ac:dyDescent="0.2">
      <c r="B59" s="29"/>
      <c r="C59" s="7"/>
      <c r="D59" s="23">
        <v>100</v>
      </c>
      <c r="E59" s="24">
        <v>31.818181818181817</v>
      </c>
      <c r="F59" s="25">
        <v>68.181818181818173</v>
      </c>
      <c r="G59" s="26" t="s">
        <v>152</v>
      </c>
    </row>
    <row r="60" spans="2:7" x14ac:dyDescent="0.2">
      <c r="B60" s="29"/>
      <c r="C60" s="2" t="s">
        <v>64</v>
      </c>
      <c r="D60" s="19">
        <v>51</v>
      </c>
      <c r="E60" s="20">
        <v>15</v>
      </c>
      <c r="F60" s="21">
        <v>35</v>
      </c>
      <c r="G60" s="22">
        <v>1</v>
      </c>
    </row>
    <row r="61" spans="2:7" x14ac:dyDescent="0.2">
      <c r="B61" s="29"/>
      <c r="C61" s="7"/>
      <c r="D61" s="23">
        <v>100</v>
      </c>
      <c r="E61" s="24">
        <v>29.4</v>
      </c>
      <c r="F61" s="25">
        <v>68.599999999999994</v>
      </c>
      <c r="G61" s="26">
        <v>2</v>
      </c>
    </row>
    <row r="62" spans="2:7" x14ac:dyDescent="0.2">
      <c r="B62" s="29"/>
      <c r="C62" s="2" t="s">
        <v>65</v>
      </c>
      <c r="D62" s="19">
        <v>88</v>
      </c>
      <c r="E62" s="20">
        <v>45</v>
      </c>
      <c r="F62" s="21">
        <v>41</v>
      </c>
      <c r="G62" s="22">
        <v>2</v>
      </c>
    </row>
    <row r="63" spans="2:7" x14ac:dyDescent="0.2">
      <c r="B63" s="29"/>
      <c r="C63" s="7"/>
      <c r="D63" s="23">
        <v>100</v>
      </c>
      <c r="E63" s="24">
        <v>51.1</v>
      </c>
      <c r="F63" s="25">
        <v>46.6</v>
      </c>
      <c r="G63" s="26">
        <v>2.2999999999999998</v>
      </c>
    </row>
    <row r="64" spans="2:7" x14ac:dyDescent="0.2">
      <c r="B64" s="29"/>
      <c r="C64" s="2" t="s">
        <v>66</v>
      </c>
      <c r="D64" s="19">
        <v>146</v>
      </c>
      <c r="E64" s="20">
        <v>72</v>
      </c>
      <c r="F64" s="21">
        <v>68</v>
      </c>
      <c r="G64" s="22">
        <v>6</v>
      </c>
    </row>
    <row r="65" spans="2:7" x14ac:dyDescent="0.2">
      <c r="B65" s="29"/>
      <c r="C65" s="7"/>
      <c r="D65" s="23">
        <v>100</v>
      </c>
      <c r="E65" s="24">
        <v>49.3</v>
      </c>
      <c r="F65" s="25">
        <v>46.6</v>
      </c>
      <c r="G65" s="26">
        <v>4.0999999999999996</v>
      </c>
    </row>
    <row r="66" spans="2:7" x14ac:dyDescent="0.2">
      <c r="B66" s="29"/>
      <c r="C66" s="2" t="s">
        <v>67</v>
      </c>
      <c r="D66" s="19">
        <v>133</v>
      </c>
      <c r="E66" s="20">
        <v>69</v>
      </c>
      <c r="F66" s="21">
        <v>56</v>
      </c>
      <c r="G66" s="22">
        <v>8</v>
      </c>
    </row>
    <row r="67" spans="2:7" x14ac:dyDescent="0.2">
      <c r="B67" s="29"/>
      <c r="C67" s="7"/>
      <c r="D67" s="23">
        <v>100</v>
      </c>
      <c r="E67" s="24">
        <v>51.9</v>
      </c>
      <c r="F67" s="25">
        <v>42.1</v>
      </c>
      <c r="G67" s="26">
        <v>6</v>
      </c>
    </row>
    <row r="68" spans="2:7" x14ac:dyDescent="0.2">
      <c r="B68" s="29"/>
      <c r="C68" s="2" t="s">
        <v>58</v>
      </c>
      <c r="D68" s="19">
        <v>57</v>
      </c>
      <c r="E68" s="20">
        <v>31</v>
      </c>
      <c r="F68" s="21">
        <v>21</v>
      </c>
      <c r="G68" s="22">
        <v>5</v>
      </c>
    </row>
    <row r="69" spans="2:7" x14ac:dyDescent="0.2">
      <c r="B69" s="29"/>
      <c r="C69" s="7"/>
      <c r="D69" s="23">
        <v>100</v>
      </c>
      <c r="E69" s="24">
        <v>54.4</v>
      </c>
      <c r="F69" s="25">
        <v>36.799999999999997</v>
      </c>
      <c r="G69" s="26">
        <v>8.8000000000000007</v>
      </c>
    </row>
    <row r="70" spans="2:7" x14ac:dyDescent="0.2">
      <c r="B70" s="29"/>
      <c r="C70" s="2" t="s">
        <v>68</v>
      </c>
      <c r="D70" s="19">
        <v>65</v>
      </c>
      <c r="E70" s="20">
        <v>37</v>
      </c>
      <c r="F70" s="21">
        <v>22</v>
      </c>
      <c r="G70" s="22">
        <v>6</v>
      </c>
    </row>
    <row r="71" spans="2:7" x14ac:dyDescent="0.2">
      <c r="B71" s="29"/>
      <c r="C71" s="7"/>
      <c r="D71" s="23">
        <v>100</v>
      </c>
      <c r="E71" s="24">
        <v>56.9</v>
      </c>
      <c r="F71" s="25">
        <v>33.799999999999997</v>
      </c>
      <c r="G71" s="26">
        <v>9.1999999999999993</v>
      </c>
    </row>
    <row r="72" spans="2:7" x14ac:dyDescent="0.2">
      <c r="B72" s="29"/>
      <c r="C72" s="2" t="s">
        <v>59</v>
      </c>
      <c r="D72" s="19">
        <v>1</v>
      </c>
      <c r="E72" s="20" t="s">
        <v>152</v>
      </c>
      <c r="F72" s="21">
        <v>1</v>
      </c>
      <c r="G72" s="22" t="s">
        <v>152</v>
      </c>
    </row>
    <row r="73" spans="2:7" x14ac:dyDescent="0.2">
      <c r="B73" s="29"/>
      <c r="C73" s="7"/>
      <c r="D73" s="23">
        <v>100</v>
      </c>
      <c r="E73" s="24" t="s">
        <v>152</v>
      </c>
      <c r="F73" s="25">
        <v>100</v>
      </c>
      <c r="G73" s="26" t="s">
        <v>152</v>
      </c>
    </row>
    <row r="74" spans="2:7" x14ac:dyDescent="0.2">
      <c r="B74" s="29"/>
      <c r="C74" s="2" t="s">
        <v>69</v>
      </c>
      <c r="D74" s="19">
        <v>29</v>
      </c>
      <c r="E74" s="20">
        <v>19</v>
      </c>
      <c r="F74" s="21">
        <v>10</v>
      </c>
      <c r="G74" s="22" t="s">
        <v>152</v>
      </c>
    </row>
    <row r="75" spans="2:7" x14ac:dyDescent="0.2">
      <c r="B75" s="29"/>
      <c r="C75" s="7"/>
      <c r="D75" s="23">
        <v>100</v>
      </c>
      <c r="E75" s="24">
        <v>65.5</v>
      </c>
      <c r="F75" s="25">
        <v>34.5</v>
      </c>
      <c r="G75" s="26" t="s">
        <v>152</v>
      </c>
    </row>
    <row r="76" spans="2:7" x14ac:dyDescent="0.2">
      <c r="B76" s="29"/>
      <c r="C76" s="2" t="s">
        <v>149</v>
      </c>
      <c r="D76" s="19">
        <v>30</v>
      </c>
      <c r="E76" s="20">
        <v>19</v>
      </c>
      <c r="F76" s="21">
        <v>11</v>
      </c>
      <c r="G76" s="22" t="s">
        <v>152</v>
      </c>
    </row>
    <row r="77" spans="2:7" x14ac:dyDescent="0.2">
      <c r="B77" s="29"/>
      <c r="C77" s="7"/>
      <c r="D77" s="23">
        <v>100</v>
      </c>
      <c r="E77" s="24">
        <v>63.333333333333329</v>
      </c>
      <c r="F77" s="25">
        <v>36.666666666666664</v>
      </c>
      <c r="G77" s="26" t="s">
        <v>152</v>
      </c>
    </row>
    <row r="78" spans="2:7" x14ac:dyDescent="0.2">
      <c r="B78" s="29"/>
      <c r="C78" s="2" t="s">
        <v>70</v>
      </c>
      <c r="D78" s="19">
        <v>64</v>
      </c>
      <c r="E78" s="20">
        <v>38</v>
      </c>
      <c r="F78" s="21">
        <v>25</v>
      </c>
      <c r="G78" s="22">
        <v>1</v>
      </c>
    </row>
    <row r="79" spans="2:7" x14ac:dyDescent="0.2">
      <c r="B79" s="29"/>
      <c r="C79" s="7"/>
      <c r="D79" s="23">
        <v>100</v>
      </c>
      <c r="E79" s="24">
        <v>59.4</v>
      </c>
      <c r="F79" s="25">
        <v>39.1</v>
      </c>
      <c r="G79" s="26">
        <v>1.6</v>
      </c>
    </row>
    <row r="80" spans="2:7" x14ac:dyDescent="0.2">
      <c r="B80" s="29"/>
      <c r="C80" s="2" t="s">
        <v>71</v>
      </c>
      <c r="D80" s="19">
        <v>112</v>
      </c>
      <c r="E80" s="20">
        <v>61</v>
      </c>
      <c r="F80" s="21">
        <v>42</v>
      </c>
      <c r="G80" s="22">
        <v>9</v>
      </c>
    </row>
    <row r="81" spans="2:7" x14ac:dyDescent="0.2">
      <c r="B81" s="29"/>
      <c r="C81" s="7"/>
      <c r="D81" s="23">
        <v>100</v>
      </c>
      <c r="E81" s="24">
        <v>54.5</v>
      </c>
      <c r="F81" s="25">
        <v>37.5</v>
      </c>
      <c r="G81" s="26">
        <v>8</v>
      </c>
    </row>
    <row r="82" spans="2:7" x14ac:dyDescent="0.2">
      <c r="B82" s="29"/>
      <c r="C82" s="2" t="s">
        <v>72</v>
      </c>
      <c r="D82" s="19">
        <v>137</v>
      </c>
      <c r="E82" s="20">
        <v>90</v>
      </c>
      <c r="F82" s="21">
        <v>41</v>
      </c>
      <c r="G82" s="22">
        <v>6</v>
      </c>
    </row>
    <row r="83" spans="2:7" x14ac:dyDescent="0.2">
      <c r="B83" s="29"/>
      <c r="C83" s="7"/>
      <c r="D83" s="23">
        <v>100</v>
      </c>
      <c r="E83" s="24">
        <v>65.7</v>
      </c>
      <c r="F83" s="25">
        <v>29.9</v>
      </c>
      <c r="G83" s="26">
        <v>4.4000000000000004</v>
      </c>
    </row>
    <row r="84" spans="2:7" x14ac:dyDescent="0.2">
      <c r="B84" s="29"/>
      <c r="C84" s="2" t="s">
        <v>73</v>
      </c>
      <c r="D84" s="19">
        <v>112</v>
      </c>
      <c r="E84" s="20">
        <v>66</v>
      </c>
      <c r="F84" s="21">
        <v>31</v>
      </c>
      <c r="G84" s="22">
        <v>15</v>
      </c>
    </row>
    <row r="85" spans="2:7" x14ac:dyDescent="0.2">
      <c r="B85" s="29"/>
      <c r="C85" s="7"/>
      <c r="D85" s="23">
        <v>100</v>
      </c>
      <c r="E85" s="24">
        <v>58.9</v>
      </c>
      <c r="F85" s="25">
        <v>27.7</v>
      </c>
      <c r="G85" s="26">
        <v>13.4</v>
      </c>
    </row>
    <row r="86" spans="2:7" x14ac:dyDescent="0.2">
      <c r="B86" s="29"/>
      <c r="C86" s="2" t="s">
        <v>60</v>
      </c>
      <c r="D86" s="19">
        <v>66</v>
      </c>
      <c r="E86" s="20">
        <v>47</v>
      </c>
      <c r="F86" s="21">
        <v>11</v>
      </c>
      <c r="G86" s="22">
        <v>8</v>
      </c>
    </row>
    <row r="87" spans="2:7" x14ac:dyDescent="0.2">
      <c r="B87" s="29"/>
      <c r="C87" s="7"/>
      <c r="D87" s="23">
        <v>100</v>
      </c>
      <c r="E87" s="24">
        <v>71.2</v>
      </c>
      <c r="F87" s="25">
        <v>16.7</v>
      </c>
      <c r="G87" s="26">
        <v>12.1</v>
      </c>
    </row>
    <row r="88" spans="2:7" x14ac:dyDescent="0.2">
      <c r="B88" s="29"/>
      <c r="C88" s="2" t="s">
        <v>74</v>
      </c>
      <c r="D88" s="19">
        <v>83</v>
      </c>
      <c r="E88" s="20">
        <v>49</v>
      </c>
      <c r="F88" s="21">
        <v>23</v>
      </c>
      <c r="G88" s="22">
        <v>11</v>
      </c>
    </row>
    <row r="89" spans="2:7" x14ac:dyDescent="0.2">
      <c r="B89" s="29"/>
      <c r="C89" s="7"/>
      <c r="D89" s="23">
        <v>100</v>
      </c>
      <c r="E89" s="24">
        <v>59</v>
      </c>
      <c r="F89" s="25">
        <v>27.7</v>
      </c>
      <c r="G89" s="26">
        <v>13.3</v>
      </c>
    </row>
    <row r="90" spans="2:7" x14ac:dyDescent="0.2">
      <c r="B90" s="29"/>
      <c r="C90" s="2" t="s">
        <v>0</v>
      </c>
      <c r="D90" s="19">
        <v>75</v>
      </c>
      <c r="E90" s="20">
        <v>33</v>
      </c>
      <c r="F90" s="21">
        <v>32</v>
      </c>
      <c r="G90" s="22">
        <v>10</v>
      </c>
    </row>
    <row r="91" spans="2:7" x14ac:dyDescent="0.2">
      <c r="B91" s="29"/>
      <c r="C91" s="7"/>
      <c r="D91" s="23">
        <v>100</v>
      </c>
      <c r="E91" s="24">
        <v>44</v>
      </c>
      <c r="F91" s="25">
        <v>42.7</v>
      </c>
      <c r="G91" s="26">
        <v>13.3</v>
      </c>
    </row>
    <row r="92" spans="2:7" x14ac:dyDescent="0.2">
      <c r="B92" s="28" t="s">
        <v>32</v>
      </c>
      <c r="C92" s="9" t="s">
        <v>12</v>
      </c>
      <c r="D92" s="11">
        <v>1241</v>
      </c>
      <c r="E92" s="12">
        <v>679</v>
      </c>
      <c r="F92" s="13">
        <v>474</v>
      </c>
      <c r="G92" s="14">
        <v>88</v>
      </c>
    </row>
    <row r="93" spans="2:7" x14ac:dyDescent="0.2">
      <c r="B93" s="29"/>
      <c r="C93" s="8"/>
      <c r="D93" s="15">
        <v>100</v>
      </c>
      <c r="E93" s="16">
        <v>54.7</v>
      </c>
      <c r="F93" s="17">
        <v>38.200000000000003</v>
      </c>
      <c r="G93" s="18">
        <v>7.1</v>
      </c>
    </row>
    <row r="94" spans="2:7" x14ac:dyDescent="0.2">
      <c r="B94" s="29"/>
      <c r="C94" s="2" t="s">
        <v>21</v>
      </c>
      <c r="D94" s="19">
        <v>65</v>
      </c>
      <c r="E94" s="20">
        <v>31</v>
      </c>
      <c r="F94" s="21">
        <v>28</v>
      </c>
      <c r="G94" s="22">
        <v>6</v>
      </c>
    </row>
    <row r="95" spans="2:7" x14ac:dyDescent="0.2">
      <c r="B95" s="29"/>
      <c r="C95" s="7"/>
      <c r="D95" s="23">
        <v>100</v>
      </c>
      <c r="E95" s="24">
        <v>47.7</v>
      </c>
      <c r="F95" s="25">
        <v>43.1</v>
      </c>
      <c r="G95" s="26">
        <v>9.1999999999999993</v>
      </c>
    </row>
    <row r="96" spans="2:7" x14ac:dyDescent="0.2">
      <c r="B96" s="29"/>
      <c r="C96" s="2" t="s">
        <v>20</v>
      </c>
      <c r="D96" s="19">
        <v>7</v>
      </c>
      <c r="E96" s="20">
        <v>2</v>
      </c>
      <c r="F96" s="21">
        <v>5</v>
      </c>
      <c r="G96" s="22" t="s">
        <v>152</v>
      </c>
    </row>
    <row r="97" spans="2:7" x14ac:dyDescent="0.2">
      <c r="B97" s="29"/>
      <c r="C97" s="7"/>
      <c r="D97" s="23">
        <v>100</v>
      </c>
      <c r="E97" s="24">
        <v>28.6</v>
      </c>
      <c r="F97" s="25">
        <v>71.400000000000006</v>
      </c>
      <c r="G97" s="26" t="s">
        <v>152</v>
      </c>
    </row>
    <row r="98" spans="2:7" x14ac:dyDescent="0.2">
      <c r="B98" s="29"/>
      <c r="C98" s="2" t="s">
        <v>19</v>
      </c>
      <c r="D98" s="19">
        <v>484</v>
      </c>
      <c r="E98" s="20">
        <v>252</v>
      </c>
      <c r="F98" s="21">
        <v>214</v>
      </c>
      <c r="G98" s="22">
        <v>18</v>
      </c>
    </row>
    <row r="99" spans="2:7" x14ac:dyDescent="0.2">
      <c r="B99" s="29"/>
      <c r="C99" s="7"/>
      <c r="D99" s="23">
        <v>100</v>
      </c>
      <c r="E99" s="24">
        <v>52.1</v>
      </c>
      <c r="F99" s="25">
        <v>44.2</v>
      </c>
      <c r="G99" s="26">
        <v>3.7</v>
      </c>
    </row>
    <row r="100" spans="2:7" x14ac:dyDescent="0.2">
      <c r="B100" s="29"/>
      <c r="C100" s="2" t="s">
        <v>18</v>
      </c>
      <c r="D100" s="19">
        <v>195</v>
      </c>
      <c r="E100" s="20">
        <v>114</v>
      </c>
      <c r="F100" s="21">
        <v>67</v>
      </c>
      <c r="G100" s="22">
        <v>14</v>
      </c>
    </row>
    <row r="101" spans="2:7" x14ac:dyDescent="0.2">
      <c r="B101" s="29"/>
      <c r="C101" s="7"/>
      <c r="D101" s="23">
        <v>100</v>
      </c>
      <c r="E101" s="24">
        <v>58.5</v>
      </c>
      <c r="F101" s="25">
        <v>34.4</v>
      </c>
      <c r="G101" s="26">
        <v>7.2</v>
      </c>
    </row>
    <row r="102" spans="2:7" x14ac:dyDescent="0.2">
      <c r="B102" s="29"/>
      <c r="C102" s="2" t="s">
        <v>17</v>
      </c>
      <c r="D102" s="19">
        <v>1</v>
      </c>
      <c r="E102" s="20">
        <v>1</v>
      </c>
      <c r="F102" s="21" t="s">
        <v>152</v>
      </c>
      <c r="G102" s="22" t="s">
        <v>152</v>
      </c>
    </row>
    <row r="103" spans="2:7" x14ac:dyDescent="0.2">
      <c r="B103" s="29"/>
      <c r="C103" s="7"/>
      <c r="D103" s="23">
        <v>100</v>
      </c>
      <c r="E103" s="24">
        <v>100</v>
      </c>
      <c r="F103" s="25" t="s">
        <v>152</v>
      </c>
      <c r="G103" s="26" t="s">
        <v>152</v>
      </c>
    </row>
    <row r="104" spans="2:7" x14ac:dyDescent="0.2">
      <c r="B104" s="29"/>
      <c r="C104" s="2" t="s">
        <v>151</v>
      </c>
      <c r="D104" s="19">
        <v>178</v>
      </c>
      <c r="E104" s="20">
        <v>112</v>
      </c>
      <c r="F104" s="21">
        <v>52</v>
      </c>
      <c r="G104" s="22">
        <v>14</v>
      </c>
    </row>
    <row r="105" spans="2:7" x14ac:dyDescent="0.2">
      <c r="B105" s="29"/>
      <c r="C105" s="7"/>
      <c r="D105" s="23">
        <v>100</v>
      </c>
      <c r="E105" s="24">
        <v>62.9</v>
      </c>
      <c r="F105" s="25">
        <v>29.2</v>
      </c>
      <c r="G105" s="26">
        <v>7.9</v>
      </c>
    </row>
    <row r="106" spans="2:7" x14ac:dyDescent="0.2">
      <c r="B106" s="29"/>
      <c r="C106" s="2" t="s">
        <v>16</v>
      </c>
      <c r="D106" s="19">
        <v>10</v>
      </c>
      <c r="E106" s="20">
        <v>6</v>
      </c>
      <c r="F106" s="21">
        <v>4</v>
      </c>
      <c r="G106" s="22" t="s">
        <v>152</v>
      </c>
    </row>
    <row r="107" spans="2:7" x14ac:dyDescent="0.2">
      <c r="B107" s="29"/>
      <c r="C107" s="7"/>
      <c r="D107" s="23">
        <v>100</v>
      </c>
      <c r="E107" s="24">
        <v>60</v>
      </c>
      <c r="F107" s="25">
        <v>40</v>
      </c>
      <c r="G107" s="26" t="s">
        <v>152</v>
      </c>
    </row>
    <row r="108" spans="2:7" x14ac:dyDescent="0.2">
      <c r="B108" s="29"/>
      <c r="C108" s="2" t="s">
        <v>15</v>
      </c>
      <c r="D108" s="19">
        <v>211</v>
      </c>
      <c r="E108" s="20">
        <v>118</v>
      </c>
      <c r="F108" s="21">
        <v>74</v>
      </c>
      <c r="G108" s="22">
        <v>19</v>
      </c>
    </row>
    <row r="109" spans="2:7" x14ac:dyDescent="0.2">
      <c r="B109" s="29"/>
      <c r="C109" s="7"/>
      <c r="D109" s="23">
        <v>100</v>
      </c>
      <c r="E109" s="24">
        <v>55.9</v>
      </c>
      <c r="F109" s="25">
        <v>35.1</v>
      </c>
      <c r="G109" s="26">
        <v>9</v>
      </c>
    </row>
    <row r="110" spans="2:7" x14ac:dyDescent="0.2">
      <c r="B110" s="29"/>
      <c r="C110" s="2" t="s">
        <v>14</v>
      </c>
      <c r="D110" s="19">
        <v>12</v>
      </c>
      <c r="E110" s="20">
        <v>7</v>
      </c>
      <c r="F110" s="21">
        <v>2</v>
      </c>
      <c r="G110" s="22">
        <v>3</v>
      </c>
    </row>
    <row r="111" spans="2:7" x14ac:dyDescent="0.2">
      <c r="B111" s="29"/>
      <c r="C111" s="7"/>
      <c r="D111" s="23">
        <v>100</v>
      </c>
      <c r="E111" s="24">
        <v>58.3</v>
      </c>
      <c r="F111" s="25">
        <v>16.7</v>
      </c>
      <c r="G111" s="26">
        <v>25</v>
      </c>
    </row>
    <row r="112" spans="2:7" x14ac:dyDescent="0.2">
      <c r="B112" s="29"/>
      <c r="C112" s="2" t="s">
        <v>13</v>
      </c>
      <c r="D112" s="19">
        <v>78</v>
      </c>
      <c r="E112" s="20">
        <v>36</v>
      </c>
      <c r="F112" s="21">
        <v>28</v>
      </c>
      <c r="G112" s="22">
        <v>14</v>
      </c>
    </row>
    <row r="113" spans="2:7" x14ac:dyDescent="0.2">
      <c r="B113" s="30"/>
      <c r="C113" s="10"/>
      <c r="D113" s="15">
        <v>100</v>
      </c>
      <c r="E113" s="16">
        <v>46.2</v>
      </c>
      <c r="F113" s="17">
        <v>35.9</v>
      </c>
      <c r="G113" s="18">
        <v>17.899999999999999</v>
      </c>
    </row>
    <row r="114" spans="2:7" x14ac:dyDescent="0.2">
      <c r="B114" s="28" t="s">
        <v>31</v>
      </c>
      <c r="C114" s="9" t="s">
        <v>12</v>
      </c>
      <c r="D114" s="11">
        <v>752</v>
      </c>
      <c r="E114" s="12">
        <v>400</v>
      </c>
      <c r="F114" s="13">
        <v>314</v>
      </c>
      <c r="G114" s="14">
        <v>38</v>
      </c>
    </row>
    <row r="115" spans="2:7" x14ac:dyDescent="0.2">
      <c r="B115" s="29"/>
      <c r="C115" s="8"/>
      <c r="D115" s="15">
        <v>100</v>
      </c>
      <c r="E115" s="16">
        <v>53.2</v>
      </c>
      <c r="F115" s="17">
        <v>41.8</v>
      </c>
      <c r="G115" s="18">
        <v>5.0999999999999996</v>
      </c>
    </row>
    <row r="116" spans="2:7" x14ac:dyDescent="0.2">
      <c r="B116" s="29"/>
      <c r="C116" s="2" t="s">
        <v>11</v>
      </c>
      <c r="D116" s="19">
        <v>2</v>
      </c>
      <c r="E116" s="20">
        <v>1</v>
      </c>
      <c r="F116" s="21">
        <v>1</v>
      </c>
      <c r="G116" s="22" t="s">
        <v>152</v>
      </c>
    </row>
    <row r="117" spans="2:7" x14ac:dyDescent="0.2">
      <c r="B117" s="29"/>
      <c r="C117" s="7"/>
      <c r="D117" s="23">
        <v>100</v>
      </c>
      <c r="E117" s="24">
        <v>50</v>
      </c>
      <c r="F117" s="25">
        <v>50</v>
      </c>
      <c r="G117" s="26" t="s">
        <v>152</v>
      </c>
    </row>
    <row r="118" spans="2:7" x14ac:dyDescent="0.2">
      <c r="B118" s="29"/>
      <c r="C118" s="2" t="s">
        <v>10</v>
      </c>
      <c r="D118" s="19">
        <v>32</v>
      </c>
      <c r="E118" s="20">
        <v>18</v>
      </c>
      <c r="F118" s="21">
        <v>11</v>
      </c>
      <c r="G118" s="22">
        <v>3</v>
      </c>
    </row>
    <row r="119" spans="2:7" x14ac:dyDescent="0.2">
      <c r="B119" s="29"/>
      <c r="C119" s="7"/>
      <c r="D119" s="23">
        <v>100</v>
      </c>
      <c r="E119" s="24">
        <v>56.3</v>
      </c>
      <c r="F119" s="25">
        <v>34.4</v>
      </c>
      <c r="G119" s="26">
        <v>9.4</v>
      </c>
    </row>
    <row r="120" spans="2:7" x14ac:dyDescent="0.2">
      <c r="B120" s="29"/>
      <c r="C120" s="2" t="s">
        <v>9</v>
      </c>
      <c r="D120" s="19">
        <v>33</v>
      </c>
      <c r="E120" s="20">
        <v>11</v>
      </c>
      <c r="F120" s="21">
        <v>19</v>
      </c>
      <c r="G120" s="22">
        <v>3</v>
      </c>
    </row>
    <row r="121" spans="2:7" x14ac:dyDescent="0.2">
      <c r="B121" s="29"/>
      <c r="C121" s="7"/>
      <c r="D121" s="23">
        <v>100</v>
      </c>
      <c r="E121" s="24">
        <v>33.299999999999997</v>
      </c>
      <c r="F121" s="25">
        <v>57.6</v>
      </c>
      <c r="G121" s="26">
        <v>9.1</v>
      </c>
    </row>
    <row r="122" spans="2:7" x14ac:dyDescent="0.2">
      <c r="B122" s="29"/>
      <c r="C122" s="2" t="s">
        <v>8</v>
      </c>
      <c r="D122" s="19">
        <v>71</v>
      </c>
      <c r="E122" s="20">
        <v>44</v>
      </c>
      <c r="F122" s="21">
        <v>26</v>
      </c>
      <c r="G122" s="22">
        <v>1</v>
      </c>
    </row>
    <row r="123" spans="2:7" x14ac:dyDescent="0.2">
      <c r="B123" s="29"/>
      <c r="C123" s="7"/>
      <c r="D123" s="23">
        <v>100</v>
      </c>
      <c r="E123" s="24">
        <v>62</v>
      </c>
      <c r="F123" s="25">
        <v>36.6</v>
      </c>
      <c r="G123" s="26">
        <v>1.4</v>
      </c>
    </row>
    <row r="124" spans="2:7" x14ac:dyDescent="0.2">
      <c r="B124" s="29"/>
      <c r="C124" s="2" t="s">
        <v>7</v>
      </c>
      <c r="D124" s="19">
        <v>152</v>
      </c>
      <c r="E124" s="20">
        <v>71</v>
      </c>
      <c r="F124" s="21">
        <v>75</v>
      </c>
      <c r="G124" s="22">
        <v>6</v>
      </c>
    </row>
    <row r="125" spans="2:7" x14ac:dyDescent="0.2">
      <c r="B125" s="29"/>
      <c r="C125" s="7"/>
      <c r="D125" s="23">
        <v>100</v>
      </c>
      <c r="E125" s="24">
        <v>46.7</v>
      </c>
      <c r="F125" s="25">
        <v>49.3</v>
      </c>
      <c r="G125" s="26">
        <v>3.9</v>
      </c>
    </row>
    <row r="126" spans="2:7" x14ac:dyDescent="0.2">
      <c r="B126" s="29"/>
      <c r="C126" s="2" t="s">
        <v>6</v>
      </c>
      <c r="D126" s="19">
        <v>176</v>
      </c>
      <c r="E126" s="20">
        <v>90</v>
      </c>
      <c r="F126" s="21">
        <v>77</v>
      </c>
      <c r="G126" s="22">
        <v>9</v>
      </c>
    </row>
    <row r="127" spans="2:7" x14ac:dyDescent="0.2">
      <c r="B127" s="29"/>
      <c r="C127" s="7"/>
      <c r="D127" s="23">
        <v>100</v>
      </c>
      <c r="E127" s="24">
        <v>51.1</v>
      </c>
      <c r="F127" s="25">
        <v>43.8</v>
      </c>
      <c r="G127" s="26">
        <v>5.0999999999999996</v>
      </c>
    </row>
    <row r="128" spans="2:7" x14ac:dyDescent="0.2">
      <c r="B128" s="29"/>
      <c r="C128" s="2" t="s">
        <v>5</v>
      </c>
      <c r="D128" s="19">
        <v>37</v>
      </c>
      <c r="E128" s="20">
        <v>23</v>
      </c>
      <c r="F128" s="21">
        <v>12</v>
      </c>
      <c r="G128" s="22">
        <v>2</v>
      </c>
    </row>
    <row r="129" spans="2:7" x14ac:dyDescent="0.2">
      <c r="B129" s="29"/>
      <c r="C129" s="7"/>
      <c r="D129" s="23">
        <v>100</v>
      </c>
      <c r="E129" s="24">
        <v>62.2</v>
      </c>
      <c r="F129" s="25">
        <v>32.4</v>
      </c>
      <c r="G129" s="26">
        <v>5.4</v>
      </c>
    </row>
    <row r="130" spans="2:7" x14ac:dyDescent="0.2">
      <c r="B130" s="29"/>
      <c r="C130" s="2" t="s">
        <v>4</v>
      </c>
      <c r="D130" s="19">
        <v>67</v>
      </c>
      <c r="E130" s="20">
        <v>34</v>
      </c>
      <c r="F130" s="21">
        <v>32</v>
      </c>
      <c r="G130" s="22">
        <v>1</v>
      </c>
    </row>
    <row r="131" spans="2:7" x14ac:dyDescent="0.2">
      <c r="B131" s="29"/>
      <c r="C131" s="7"/>
      <c r="D131" s="23">
        <v>100</v>
      </c>
      <c r="E131" s="24">
        <v>50.7</v>
      </c>
      <c r="F131" s="25">
        <v>47.8</v>
      </c>
      <c r="G131" s="26">
        <v>1.5</v>
      </c>
    </row>
    <row r="132" spans="2:7" x14ac:dyDescent="0.2">
      <c r="B132" s="29"/>
      <c r="C132" s="2" t="s">
        <v>3</v>
      </c>
      <c r="D132" s="19">
        <v>159</v>
      </c>
      <c r="E132" s="20">
        <v>94</v>
      </c>
      <c r="F132" s="21">
        <v>54</v>
      </c>
      <c r="G132" s="22">
        <v>11</v>
      </c>
    </row>
    <row r="133" spans="2:7" x14ac:dyDescent="0.2">
      <c r="B133" s="29"/>
      <c r="C133" s="7"/>
      <c r="D133" s="23">
        <v>100</v>
      </c>
      <c r="E133" s="24">
        <v>59.1</v>
      </c>
      <c r="F133" s="25">
        <v>34</v>
      </c>
      <c r="G133" s="26">
        <v>6.9</v>
      </c>
    </row>
    <row r="134" spans="2:7" x14ac:dyDescent="0.2">
      <c r="B134" s="29"/>
      <c r="C134" s="2" t="s">
        <v>2</v>
      </c>
      <c r="D134" s="19">
        <v>23</v>
      </c>
      <c r="E134" s="20">
        <v>14</v>
      </c>
      <c r="F134" s="21">
        <v>7</v>
      </c>
      <c r="G134" s="22">
        <v>2</v>
      </c>
    </row>
    <row r="135" spans="2:7" x14ac:dyDescent="0.2">
      <c r="B135" s="30"/>
      <c r="C135" s="10"/>
      <c r="D135" s="15">
        <v>100</v>
      </c>
      <c r="E135" s="16">
        <v>60.9</v>
      </c>
      <c r="F135" s="17">
        <v>30.4</v>
      </c>
      <c r="G135" s="18">
        <v>8.699999999999999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72</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679</v>
      </c>
      <c r="F4" s="13">
        <v>474</v>
      </c>
      <c r="G4" s="14">
        <v>88</v>
      </c>
    </row>
    <row r="5" spans="2:7" x14ac:dyDescent="0.2">
      <c r="B5" s="29"/>
      <c r="C5" s="8"/>
      <c r="D5" s="15">
        <v>100</v>
      </c>
      <c r="E5" s="16">
        <v>54.7</v>
      </c>
      <c r="F5" s="17">
        <v>38.200000000000003</v>
      </c>
      <c r="G5" s="18">
        <v>7.1</v>
      </c>
    </row>
    <row r="6" spans="2:7" x14ac:dyDescent="0.2">
      <c r="B6" s="29"/>
      <c r="C6" s="2" t="s">
        <v>52</v>
      </c>
      <c r="D6" s="19">
        <v>557</v>
      </c>
      <c r="E6" s="20">
        <v>321</v>
      </c>
      <c r="F6" s="21">
        <v>191</v>
      </c>
      <c r="G6" s="22">
        <v>45</v>
      </c>
    </row>
    <row r="7" spans="2:7" x14ac:dyDescent="0.2">
      <c r="B7" s="29"/>
      <c r="C7" s="7"/>
      <c r="D7" s="23">
        <v>100</v>
      </c>
      <c r="E7" s="24">
        <v>57.6</v>
      </c>
      <c r="F7" s="25">
        <v>34.299999999999997</v>
      </c>
      <c r="G7" s="26">
        <v>8.1</v>
      </c>
    </row>
    <row r="8" spans="2:7" x14ac:dyDescent="0.2">
      <c r="B8" s="29"/>
      <c r="C8" s="2" t="s">
        <v>51</v>
      </c>
      <c r="D8" s="19">
        <v>595</v>
      </c>
      <c r="E8" s="20">
        <v>316</v>
      </c>
      <c r="F8" s="21">
        <v>250</v>
      </c>
      <c r="G8" s="22">
        <v>29</v>
      </c>
    </row>
    <row r="9" spans="2:7" x14ac:dyDescent="0.2">
      <c r="B9" s="29"/>
      <c r="C9" s="7"/>
      <c r="D9" s="23">
        <v>100</v>
      </c>
      <c r="E9" s="24">
        <v>53.1</v>
      </c>
      <c r="F9" s="25">
        <v>42</v>
      </c>
      <c r="G9" s="26">
        <v>4.9000000000000004</v>
      </c>
    </row>
    <row r="10" spans="2:7" x14ac:dyDescent="0.2">
      <c r="B10" s="29"/>
      <c r="C10" s="2" t="s">
        <v>13</v>
      </c>
      <c r="D10" s="19">
        <v>89</v>
      </c>
      <c r="E10" s="20">
        <v>42</v>
      </c>
      <c r="F10" s="21">
        <v>33</v>
      </c>
      <c r="G10" s="22">
        <v>14</v>
      </c>
    </row>
    <row r="11" spans="2:7" x14ac:dyDescent="0.2">
      <c r="B11" s="30"/>
      <c r="C11" s="10"/>
      <c r="D11" s="15">
        <v>100</v>
      </c>
      <c r="E11" s="16">
        <v>47.2</v>
      </c>
      <c r="F11" s="17">
        <v>37.1</v>
      </c>
      <c r="G11" s="18">
        <v>15.7</v>
      </c>
    </row>
    <row r="12" spans="2:7" x14ac:dyDescent="0.2">
      <c r="B12" s="28" t="s">
        <v>54</v>
      </c>
      <c r="C12" s="9" t="s">
        <v>12</v>
      </c>
      <c r="D12" s="11">
        <v>1241</v>
      </c>
      <c r="E12" s="12">
        <v>679</v>
      </c>
      <c r="F12" s="13">
        <v>474</v>
      </c>
      <c r="G12" s="14">
        <v>88</v>
      </c>
    </row>
    <row r="13" spans="2:7" x14ac:dyDescent="0.2">
      <c r="B13" s="29"/>
      <c r="C13" s="8"/>
      <c r="D13" s="15">
        <v>100</v>
      </c>
      <c r="E13" s="16">
        <v>54.7</v>
      </c>
      <c r="F13" s="17">
        <v>38.200000000000003</v>
      </c>
      <c r="G13" s="18">
        <v>7.1</v>
      </c>
    </row>
    <row r="14" spans="2:7" x14ac:dyDescent="0.2">
      <c r="B14" s="29"/>
      <c r="C14" s="2" t="s">
        <v>50</v>
      </c>
      <c r="D14" s="19">
        <v>84</v>
      </c>
      <c r="E14" s="20">
        <v>46</v>
      </c>
      <c r="F14" s="21">
        <v>38</v>
      </c>
      <c r="G14" s="22" t="s">
        <v>152</v>
      </c>
    </row>
    <row r="15" spans="2:7" x14ac:dyDescent="0.2">
      <c r="B15" s="29"/>
      <c r="C15" s="7"/>
      <c r="D15" s="23">
        <v>100</v>
      </c>
      <c r="E15" s="24">
        <v>54.8</v>
      </c>
      <c r="F15" s="25">
        <v>45.2</v>
      </c>
      <c r="G15" s="26" t="s">
        <v>152</v>
      </c>
    </row>
    <row r="16" spans="2:7" x14ac:dyDescent="0.2">
      <c r="B16" s="29"/>
      <c r="C16" s="2" t="s">
        <v>49</v>
      </c>
      <c r="D16" s="19">
        <v>97</v>
      </c>
      <c r="E16" s="20">
        <v>58</v>
      </c>
      <c r="F16" s="21">
        <v>37</v>
      </c>
      <c r="G16" s="22">
        <v>2</v>
      </c>
    </row>
    <row r="17" spans="2:7" x14ac:dyDescent="0.2">
      <c r="B17" s="29"/>
      <c r="C17" s="7"/>
      <c r="D17" s="23">
        <v>100</v>
      </c>
      <c r="E17" s="24">
        <v>59.8</v>
      </c>
      <c r="F17" s="25">
        <v>38.1</v>
      </c>
      <c r="G17" s="26">
        <v>2.1</v>
      </c>
    </row>
    <row r="18" spans="2:7" x14ac:dyDescent="0.2">
      <c r="B18" s="29"/>
      <c r="C18" s="2" t="s">
        <v>48</v>
      </c>
      <c r="D18" s="19">
        <v>79</v>
      </c>
      <c r="E18" s="20">
        <v>45</v>
      </c>
      <c r="F18" s="21">
        <v>29</v>
      </c>
      <c r="G18" s="22">
        <v>5</v>
      </c>
    </row>
    <row r="19" spans="2:7" x14ac:dyDescent="0.2">
      <c r="B19" s="29"/>
      <c r="C19" s="7"/>
      <c r="D19" s="23">
        <v>100</v>
      </c>
      <c r="E19" s="24">
        <v>57</v>
      </c>
      <c r="F19" s="25">
        <v>36.700000000000003</v>
      </c>
      <c r="G19" s="26">
        <v>6.3</v>
      </c>
    </row>
    <row r="20" spans="2:7" x14ac:dyDescent="0.2">
      <c r="B20" s="29"/>
      <c r="C20" s="2" t="s">
        <v>47</v>
      </c>
      <c r="D20" s="19">
        <v>72</v>
      </c>
      <c r="E20" s="20">
        <v>42</v>
      </c>
      <c r="F20" s="21">
        <v>27</v>
      </c>
      <c r="G20" s="22">
        <v>3</v>
      </c>
    </row>
    <row r="21" spans="2:7" x14ac:dyDescent="0.2">
      <c r="B21" s="29"/>
      <c r="C21" s="7"/>
      <c r="D21" s="23">
        <v>100</v>
      </c>
      <c r="E21" s="24">
        <v>58.3</v>
      </c>
      <c r="F21" s="25">
        <v>37.5</v>
      </c>
      <c r="G21" s="26">
        <v>4.2</v>
      </c>
    </row>
    <row r="22" spans="2:7" x14ac:dyDescent="0.2">
      <c r="B22" s="29"/>
      <c r="C22" s="2" t="s">
        <v>46</v>
      </c>
      <c r="D22" s="19">
        <v>15</v>
      </c>
      <c r="E22" s="20">
        <v>8</v>
      </c>
      <c r="F22" s="21">
        <v>5</v>
      </c>
      <c r="G22" s="22">
        <v>2</v>
      </c>
    </row>
    <row r="23" spans="2:7" x14ac:dyDescent="0.2">
      <c r="B23" s="29"/>
      <c r="C23" s="7"/>
      <c r="D23" s="23">
        <v>100</v>
      </c>
      <c r="E23" s="24">
        <v>53.3</v>
      </c>
      <c r="F23" s="25">
        <v>33.299999999999997</v>
      </c>
      <c r="G23" s="26">
        <v>13.3</v>
      </c>
    </row>
    <row r="24" spans="2:7" x14ac:dyDescent="0.2">
      <c r="B24" s="29"/>
      <c r="C24" s="2" t="s">
        <v>45</v>
      </c>
      <c r="D24" s="19">
        <v>77</v>
      </c>
      <c r="E24" s="20">
        <v>48</v>
      </c>
      <c r="F24" s="21">
        <v>23</v>
      </c>
      <c r="G24" s="22">
        <v>6</v>
      </c>
    </row>
    <row r="25" spans="2:7" x14ac:dyDescent="0.2">
      <c r="B25" s="29"/>
      <c r="C25" s="7"/>
      <c r="D25" s="23">
        <v>100</v>
      </c>
      <c r="E25" s="24">
        <v>62.3</v>
      </c>
      <c r="F25" s="25">
        <v>29.9</v>
      </c>
      <c r="G25" s="26">
        <v>7.8</v>
      </c>
    </row>
    <row r="26" spans="2:7" x14ac:dyDescent="0.2">
      <c r="B26" s="29"/>
      <c r="C26" s="2" t="s">
        <v>44</v>
      </c>
      <c r="D26" s="19">
        <v>260</v>
      </c>
      <c r="E26" s="20">
        <v>147</v>
      </c>
      <c r="F26" s="21">
        <v>90</v>
      </c>
      <c r="G26" s="22">
        <v>23</v>
      </c>
    </row>
    <row r="27" spans="2:7" x14ac:dyDescent="0.2">
      <c r="B27" s="29"/>
      <c r="C27" s="7"/>
      <c r="D27" s="23">
        <v>100</v>
      </c>
      <c r="E27" s="24">
        <v>56.5</v>
      </c>
      <c r="F27" s="25">
        <v>34.6</v>
      </c>
      <c r="G27" s="26">
        <v>8.8000000000000007</v>
      </c>
    </row>
    <row r="28" spans="2:7" x14ac:dyDescent="0.2">
      <c r="B28" s="29"/>
      <c r="C28" s="2" t="s">
        <v>43</v>
      </c>
      <c r="D28" s="19">
        <v>334</v>
      </c>
      <c r="E28" s="20">
        <v>201</v>
      </c>
      <c r="F28" s="21">
        <v>100</v>
      </c>
      <c r="G28" s="22">
        <v>33</v>
      </c>
    </row>
    <row r="29" spans="2:7" x14ac:dyDescent="0.2">
      <c r="B29" s="29"/>
      <c r="C29" s="7"/>
      <c r="D29" s="23">
        <v>100</v>
      </c>
      <c r="E29" s="24">
        <v>60.2</v>
      </c>
      <c r="F29" s="25">
        <v>29.9</v>
      </c>
      <c r="G29" s="26">
        <v>9.9</v>
      </c>
    </row>
    <row r="30" spans="2:7" x14ac:dyDescent="0.2">
      <c r="B30" s="29"/>
      <c r="C30" s="2" t="s">
        <v>14</v>
      </c>
      <c r="D30" s="19">
        <v>28</v>
      </c>
      <c r="E30" s="20">
        <v>18</v>
      </c>
      <c r="F30" s="21">
        <v>8</v>
      </c>
      <c r="G30" s="22">
        <v>2</v>
      </c>
    </row>
    <row r="31" spans="2:7" x14ac:dyDescent="0.2">
      <c r="B31" s="29"/>
      <c r="C31" s="7"/>
      <c r="D31" s="23">
        <v>100</v>
      </c>
      <c r="E31" s="24">
        <v>64.3</v>
      </c>
      <c r="F31" s="25">
        <v>28.6</v>
      </c>
      <c r="G31" s="26">
        <v>7.1</v>
      </c>
    </row>
    <row r="32" spans="2:7" x14ac:dyDescent="0.2">
      <c r="B32" s="29"/>
      <c r="C32" s="2" t="s">
        <v>42</v>
      </c>
      <c r="D32" s="19">
        <v>390</v>
      </c>
      <c r="E32" s="20">
        <v>192</v>
      </c>
      <c r="F32" s="21">
        <v>180</v>
      </c>
      <c r="G32" s="22">
        <v>18</v>
      </c>
    </row>
    <row r="33" spans="2:7" x14ac:dyDescent="0.2">
      <c r="B33" s="29"/>
      <c r="C33" s="7"/>
      <c r="D33" s="23">
        <v>100</v>
      </c>
      <c r="E33" s="24">
        <v>49.2</v>
      </c>
      <c r="F33" s="25">
        <v>46.2</v>
      </c>
      <c r="G33" s="26">
        <v>4.5999999999999996</v>
      </c>
    </row>
    <row r="34" spans="2:7" x14ac:dyDescent="0.2">
      <c r="B34" s="29"/>
      <c r="C34" s="2" t="s">
        <v>13</v>
      </c>
      <c r="D34" s="19">
        <v>70</v>
      </c>
      <c r="E34" s="20">
        <v>31</v>
      </c>
      <c r="F34" s="21">
        <v>28</v>
      </c>
      <c r="G34" s="22">
        <v>11</v>
      </c>
    </row>
    <row r="35" spans="2:7" x14ac:dyDescent="0.2">
      <c r="B35" s="30"/>
      <c r="C35" s="10"/>
      <c r="D35" s="15">
        <v>100</v>
      </c>
      <c r="E35" s="16">
        <v>44.3</v>
      </c>
      <c r="F35" s="17">
        <v>40</v>
      </c>
      <c r="G35" s="18">
        <v>15.7</v>
      </c>
    </row>
    <row r="36" spans="2:7" x14ac:dyDescent="0.2">
      <c r="B36" s="28" t="s">
        <v>53</v>
      </c>
      <c r="C36" s="9" t="s">
        <v>12</v>
      </c>
      <c r="D36" s="11">
        <v>1241</v>
      </c>
      <c r="E36" s="12">
        <v>679</v>
      </c>
      <c r="F36" s="13">
        <v>474</v>
      </c>
      <c r="G36" s="14">
        <v>88</v>
      </c>
    </row>
    <row r="37" spans="2:7" x14ac:dyDescent="0.2">
      <c r="B37" s="29"/>
      <c r="C37" s="8"/>
      <c r="D37" s="15">
        <v>100</v>
      </c>
      <c r="E37" s="16">
        <v>54.7</v>
      </c>
      <c r="F37" s="17">
        <v>38.200000000000003</v>
      </c>
      <c r="G37" s="18">
        <v>7.1</v>
      </c>
    </row>
    <row r="38" spans="2:7" x14ac:dyDescent="0.2">
      <c r="B38" s="29"/>
      <c r="C38" s="2" t="s">
        <v>41</v>
      </c>
      <c r="D38" s="19">
        <v>799</v>
      </c>
      <c r="E38" s="20">
        <v>429</v>
      </c>
      <c r="F38" s="21">
        <v>331</v>
      </c>
      <c r="G38" s="22">
        <v>39</v>
      </c>
    </row>
    <row r="39" spans="2:7" x14ac:dyDescent="0.2">
      <c r="B39" s="29"/>
      <c r="C39" s="7"/>
      <c r="D39" s="23">
        <v>100</v>
      </c>
      <c r="E39" s="24">
        <v>53.7</v>
      </c>
      <c r="F39" s="25">
        <v>41.4</v>
      </c>
      <c r="G39" s="26">
        <v>4.9000000000000004</v>
      </c>
    </row>
    <row r="40" spans="2:7" x14ac:dyDescent="0.2">
      <c r="B40" s="29"/>
      <c r="C40" s="2" t="s">
        <v>40</v>
      </c>
      <c r="D40" s="19">
        <v>182</v>
      </c>
      <c r="E40" s="20">
        <v>103</v>
      </c>
      <c r="F40" s="21">
        <v>63</v>
      </c>
      <c r="G40" s="22">
        <v>16</v>
      </c>
    </row>
    <row r="41" spans="2:7" x14ac:dyDescent="0.2">
      <c r="B41" s="29"/>
      <c r="C41" s="7"/>
      <c r="D41" s="23">
        <v>100</v>
      </c>
      <c r="E41" s="24">
        <v>56.6</v>
      </c>
      <c r="F41" s="25">
        <v>34.6</v>
      </c>
      <c r="G41" s="26">
        <v>8.8000000000000007</v>
      </c>
    </row>
    <row r="42" spans="2:7" x14ac:dyDescent="0.2">
      <c r="B42" s="29"/>
      <c r="C42" s="2" t="s">
        <v>39</v>
      </c>
      <c r="D42" s="19">
        <v>72</v>
      </c>
      <c r="E42" s="20">
        <v>48</v>
      </c>
      <c r="F42" s="21">
        <v>16</v>
      </c>
      <c r="G42" s="22">
        <v>8</v>
      </c>
    </row>
    <row r="43" spans="2:7" x14ac:dyDescent="0.2">
      <c r="B43" s="29"/>
      <c r="C43" s="7"/>
      <c r="D43" s="23">
        <v>100</v>
      </c>
      <c r="E43" s="24">
        <v>66.7</v>
      </c>
      <c r="F43" s="25">
        <v>22.2</v>
      </c>
      <c r="G43" s="26">
        <v>11.1</v>
      </c>
    </row>
    <row r="44" spans="2:7" x14ac:dyDescent="0.2">
      <c r="B44" s="29"/>
      <c r="C44" s="2" t="s">
        <v>38</v>
      </c>
      <c r="D44" s="19">
        <v>127</v>
      </c>
      <c r="E44" s="20">
        <v>72</v>
      </c>
      <c r="F44" s="21">
        <v>41</v>
      </c>
      <c r="G44" s="22">
        <v>14</v>
      </c>
    </row>
    <row r="45" spans="2:7" x14ac:dyDescent="0.2">
      <c r="B45" s="29"/>
      <c r="C45" s="7"/>
      <c r="D45" s="23">
        <v>100</v>
      </c>
      <c r="E45" s="24">
        <v>56.7</v>
      </c>
      <c r="F45" s="25">
        <v>32.299999999999997</v>
      </c>
      <c r="G45" s="26">
        <v>11</v>
      </c>
    </row>
    <row r="46" spans="2:7" x14ac:dyDescent="0.2">
      <c r="B46" s="29"/>
      <c r="C46" s="2" t="s">
        <v>13</v>
      </c>
      <c r="D46" s="19">
        <v>61</v>
      </c>
      <c r="E46" s="20">
        <v>27</v>
      </c>
      <c r="F46" s="21">
        <v>23</v>
      </c>
      <c r="G46" s="22">
        <v>11</v>
      </c>
    </row>
    <row r="47" spans="2:7" x14ac:dyDescent="0.2">
      <c r="B47" s="30"/>
      <c r="C47" s="10"/>
      <c r="D47" s="15">
        <v>100</v>
      </c>
      <c r="E47" s="16">
        <v>44.3</v>
      </c>
      <c r="F47" s="17">
        <v>37.700000000000003</v>
      </c>
      <c r="G47" s="18">
        <v>18</v>
      </c>
    </row>
  </sheetData>
  <mergeCells count="3">
    <mergeCell ref="B4:B11"/>
    <mergeCell ref="B12:B35"/>
    <mergeCell ref="B36:B47"/>
  </mergeCells>
  <phoneticPr fontId="2"/>
  <pageMargins left="0.7" right="0.7" top="0.75" bottom="0.75" header="0.3" footer="0.3"/>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71</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631</v>
      </c>
      <c r="F4" s="13">
        <v>550</v>
      </c>
      <c r="G4" s="14">
        <v>60</v>
      </c>
    </row>
    <row r="5" spans="2:7" x14ac:dyDescent="0.2">
      <c r="B5" s="29"/>
      <c r="C5" s="8"/>
      <c r="D5" s="15">
        <v>100</v>
      </c>
      <c r="E5" s="16">
        <v>50.8</v>
      </c>
      <c r="F5" s="17">
        <v>44.3</v>
      </c>
      <c r="G5" s="18">
        <v>4.8</v>
      </c>
    </row>
    <row r="6" spans="2:7" x14ac:dyDescent="0.2">
      <c r="B6" s="29"/>
      <c r="C6" s="2" t="s">
        <v>30</v>
      </c>
      <c r="D6" s="19">
        <v>499</v>
      </c>
      <c r="E6" s="20">
        <v>256</v>
      </c>
      <c r="F6" s="21">
        <v>231</v>
      </c>
      <c r="G6" s="22">
        <v>12</v>
      </c>
    </row>
    <row r="7" spans="2:7" x14ac:dyDescent="0.2">
      <c r="B7" s="29"/>
      <c r="C7" s="7"/>
      <c r="D7" s="23">
        <v>100</v>
      </c>
      <c r="E7" s="24">
        <v>51.3</v>
      </c>
      <c r="F7" s="25">
        <v>46.3</v>
      </c>
      <c r="G7" s="26">
        <v>2.4</v>
      </c>
    </row>
    <row r="8" spans="2:7" x14ac:dyDescent="0.2">
      <c r="B8" s="29"/>
      <c r="C8" s="2" t="s">
        <v>29</v>
      </c>
      <c r="D8" s="19">
        <v>150</v>
      </c>
      <c r="E8" s="20">
        <v>75</v>
      </c>
      <c r="F8" s="21">
        <v>70</v>
      </c>
      <c r="G8" s="22">
        <v>5</v>
      </c>
    </row>
    <row r="9" spans="2:7" x14ac:dyDescent="0.2">
      <c r="B9" s="29"/>
      <c r="C9" s="7"/>
      <c r="D9" s="23">
        <v>100</v>
      </c>
      <c r="E9" s="24">
        <v>50</v>
      </c>
      <c r="F9" s="25">
        <v>46.7</v>
      </c>
      <c r="G9" s="26">
        <v>3.3</v>
      </c>
    </row>
    <row r="10" spans="2:7" x14ac:dyDescent="0.2">
      <c r="B10" s="29"/>
      <c r="C10" s="2" t="s">
        <v>28</v>
      </c>
      <c r="D10" s="19">
        <v>82</v>
      </c>
      <c r="E10" s="20">
        <v>36</v>
      </c>
      <c r="F10" s="21">
        <v>41</v>
      </c>
      <c r="G10" s="22">
        <v>5</v>
      </c>
    </row>
    <row r="11" spans="2:7" x14ac:dyDescent="0.2">
      <c r="B11" s="29"/>
      <c r="C11" s="7"/>
      <c r="D11" s="23">
        <v>100</v>
      </c>
      <c r="E11" s="24">
        <v>43.9</v>
      </c>
      <c r="F11" s="25">
        <v>50</v>
      </c>
      <c r="G11" s="26">
        <v>6.1</v>
      </c>
    </row>
    <row r="12" spans="2:7" x14ac:dyDescent="0.2">
      <c r="B12" s="29"/>
      <c r="C12" s="2" t="s">
        <v>27</v>
      </c>
      <c r="D12" s="19">
        <v>92</v>
      </c>
      <c r="E12" s="20">
        <v>44</v>
      </c>
      <c r="F12" s="21">
        <v>43</v>
      </c>
      <c r="G12" s="22">
        <v>5</v>
      </c>
    </row>
    <row r="13" spans="2:7" x14ac:dyDescent="0.2">
      <c r="B13" s="29"/>
      <c r="C13" s="7"/>
      <c r="D13" s="23">
        <v>100</v>
      </c>
      <c r="E13" s="24">
        <v>47.8</v>
      </c>
      <c r="F13" s="25">
        <v>46.7</v>
      </c>
      <c r="G13" s="26">
        <v>5.4</v>
      </c>
    </row>
    <row r="14" spans="2:7" x14ac:dyDescent="0.2">
      <c r="B14" s="29"/>
      <c r="C14" s="2" t="s">
        <v>26</v>
      </c>
      <c r="D14" s="19">
        <v>112</v>
      </c>
      <c r="E14" s="20">
        <v>59</v>
      </c>
      <c r="F14" s="21">
        <v>43</v>
      </c>
      <c r="G14" s="22">
        <v>10</v>
      </c>
    </row>
    <row r="15" spans="2:7" x14ac:dyDescent="0.2">
      <c r="B15" s="29"/>
      <c r="C15" s="7"/>
      <c r="D15" s="23">
        <v>100</v>
      </c>
      <c r="E15" s="24">
        <v>52.7</v>
      </c>
      <c r="F15" s="25">
        <v>38.4</v>
      </c>
      <c r="G15" s="26">
        <v>8.9</v>
      </c>
    </row>
    <row r="16" spans="2:7" x14ac:dyDescent="0.2">
      <c r="B16" s="29"/>
      <c r="C16" s="2" t="s">
        <v>25</v>
      </c>
      <c r="D16" s="19">
        <v>188</v>
      </c>
      <c r="E16" s="20">
        <v>99</v>
      </c>
      <c r="F16" s="21">
        <v>76</v>
      </c>
      <c r="G16" s="22">
        <v>13</v>
      </c>
    </row>
    <row r="17" spans="2:7" x14ac:dyDescent="0.2">
      <c r="B17" s="29"/>
      <c r="C17" s="7"/>
      <c r="D17" s="23">
        <v>100</v>
      </c>
      <c r="E17" s="24">
        <v>52.7</v>
      </c>
      <c r="F17" s="25">
        <v>40.4</v>
      </c>
      <c r="G17" s="26">
        <v>6.9</v>
      </c>
    </row>
    <row r="18" spans="2:7" x14ac:dyDescent="0.2">
      <c r="B18" s="29"/>
      <c r="C18" s="2" t="s">
        <v>24</v>
      </c>
      <c r="D18" s="19">
        <v>60</v>
      </c>
      <c r="E18" s="20">
        <v>29</v>
      </c>
      <c r="F18" s="21">
        <v>29</v>
      </c>
      <c r="G18" s="22">
        <v>2</v>
      </c>
    </row>
    <row r="19" spans="2:7" x14ac:dyDescent="0.2">
      <c r="B19" s="29"/>
      <c r="C19" s="7"/>
      <c r="D19" s="23">
        <v>100</v>
      </c>
      <c r="E19" s="24">
        <v>48.3</v>
      </c>
      <c r="F19" s="25">
        <v>48.3</v>
      </c>
      <c r="G19" s="26">
        <v>3.3</v>
      </c>
    </row>
    <row r="20" spans="2:7" x14ac:dyDescent="0.2">
      <c r="B20" s="29"/>
      <c r="C20" s="2" t="s">
        <v>13</v>
      </c>
      <c r="D20" s="19">
        <v>58</v>
      </c>
      <c r="E20" s="20">
        <v>33</v>
      </c>
      <c r="F20" s="21">
        <v>17</v>
      </c>
      <c r="G20" s="22">
        <v>8</v>
      </c>
    </row>
    <row r="21" spans="2:7" x14ac:dyDescent="0.2">
      <c r="B21" s="30"/>
      <c r="C21" s="10"/>
      <c r="D21" s="15">
        <v>100</v>
      </c>
      <c r="E21" s="16">
        <v>56.9</v>
      </c>
      <c r="F21" s="17">
        <v>29.3</v>
      </c>
      <c r="G21" s="18">
        <v>13.8</v>
      </c>
    </row>
    <row r="22" spans="2:7" x14ac:dyDescent="0.2">
      <c r="B22" s="28" t="s">
        <v>35</v>
      </c>
      <c r="C22" s="9" t="s">
        <v>12</v>
      </c>
      <c r="D22" s="11">
        <v>1241</v>
      </c>
      <c r="E22" s="12">
        <v>631</v>
      </c>
      <c r="F22" s="13">
        <v>550</v>
      </c>
      <c r="G22" s="14">
        <v>60</v>
      </c>
    </row>
    <row r="23" spans="2:7" x14ac:dyDescent="0.2">
      <c r="B23" s="29"/>
      <c r="C23" s="8"/>
      <c r="D23" s="15">
        <v>100</v>
      </c>
      <c r="E23" s="16">
        <v>50.8</v>
      </c>
      <c r="F23" s="17">
        <v>44.3</v>
      </c>
      <c r="G23" s="18">
        <v>4.8</v>
      </c>
    </row>
    <row r="24" spans="2:7" x14ac:dyDescent="0.2">
      <c r="B24" s="29"/>
      <c r="C24" s="2" t="s">
        <v>23</v>
      </c>
      <c r="D24" s="19">
        <v>563</v>
      </c>
      <c r="E24" s="20">
        <v>275</v>
      </c>
      <c r="F24" s="21">
        <v>265</v>
      </c>
      <c r="G24" s="22">
        <v>23</v>
      </c>
    </row>
    <row r="25" spans="2:7" x14ac:dyDescent="0.2">
      <c r="B25" s="29"/>
      <c r="C25" s="7"/>
      <c r="D25" s="23">
        <v>100</v>
      </c>
      <c r="E25" s="24">
        <v>48.8</v>
      </c>
      <c r="F25" s="25">
        <v>47.1</v>
      </c>
      <c r="G25" s="26">
        <v>4.0999999999999996</v>
      </c>
    </row>
    <row r="26" spans="2:7" x14ac:dyDescent="0.2">
      <c r="B26" s="29"/>
      <c r="C26" s="2" t="s">
        <v>22</v>
      </c>
      <c r="D26" s="19">
        <v>607</v>
      </c>
      <c r="E26" s="20">
        <v>316</v>
      </c>
      <c r="F26" s="21">
        <v>262</v>
      </c>
      <c r="G26" s="22">
        <v>29</v>
      </c>
    </row>
    <row r="27" spans="2:7" x14ac:dyDescent="0.2">
      <c r="B27" s="29"/>
      <c r="C27" s="7"/>
      <c r="D27" s="23">
        <v>100</v>
      </c>
      <c r="E27" s="24">
        <v>52.1</v>
      </c>
      <c r="F27" s="25">
        <v>43.2</v>
      </c>
      <c r="G27" s="26">
        <v>4.8</v>
      </c>
    </row>
    <row r="28" spans="2:7" x14ac:dyDescent="0.2">
      <c r="B28" s="29"/>
      <c r="C28" s="2" t="s">
        <v>13</v>
      </c>
      <c r="D28" s="19">
        <v>71</v>
      </c>
      <c r="E28" s="20">
        <v>40</v>
      </c>
      <c r="F28" s="21">
        <v>23</v>
      </c>
      <c r="G28" s="22">
        <v>8</v>
      </c>
    </row>
    <row r="29" spans="2:7" x14ac:dyDescent="0.2">
      <c r="B29" s="30"/>
      <c r="C29" s="10"/>
      <c r="D29" s="15">
        <v>100</v>
      </c>
      <c r="E29" s="16">
        <v>56.3</v>
      </c>
      <c r="F29" s="17">
        <v>32.4</v>
      </c>
      <c r="G29" s="18">
        <v>11.3</v>
      </c>
    </row>
    <row r="30" spans="2:7" x14ac:dyDescent="0.2">
      <c r="B30" s="28" t="s">
        <v>34</v>
      </c>
      <c r="C30" s="9" t="s">
        <v>12</v>
      </c>
      <c r="D30" s="11">
        <v>1241</v>
      </c>
      <c r="E30" s="12">
        <v>631</v>
      </c>
      <c r="F30" s="13">
        <v>550</v>
      </c>
      <c r="G30" s="14">
        <v>60</v>
      </c>
    </row>
    <row r="31" spans="2:7" x14ac:dyDescent="0.2">
      <c r="B31" s="29"/>
      <c r="C31" s="8"/>
      <c r="D31" s="15">
        <v>100</v>
      </c>
      <c r="E31" s="16">
        <v>50.8</v>
      </c>
      <c r="F31" s="17">
        <v>44.3</v>
      </c>
      <c r="G31" s="18">
        <v>4.8</v>
      </c>
    </row>
    <row r="32" spans="2:7" x14ac:dyDescent="0.2">
      <c r="B32" s="29"/>
      <c r="C32" s="2" t="s">
        <v>76</v>
      </c>
      <c r="D32" s="19">
        <v>3</v>
      </c>
      <c r="E32" s="20">
        <v>1</v>
      </c>
      <c r="F32" s="21">
        <v>2</v>
      </c>
      <c r="G32" s="22" t="s">
        <v>152</v>
      </c>
    </row>
    <row r="33" spans="2:7" x14ac:dyDescent="0.2">
      <c r="B33" s="29"/>
      <c r="C33" s="7"/>
      <c r="D33" s="23">
        <v>100</v>
      </c>
      <c r="E33" s="24">
        <v>33.299999999999997</v>
      </c>
      <c r="F33" s="25">
        <v>66.7</v>
      </c>
      <c r="G33" s="26" t="s">
        <v>152</v>
      </c>
    </row>
    <row r="34" spans="2:7" x14ac:dyDescent="0.2">
      <c r="B34" s="29"/>
      <c r="C34" s="2" t="s">
        <v>78</v>
      </c>
      <c r="D34" s="19">
        <v>51</v>
      </c>
      <c r="E34" s="20">
        <v>25</v>
      </c>
      <c r="F34" s="21">
        <v>26</v>
      </c>
      <c r="G34" s="22" t="s">
        <v>152</v>
      </c>
    </row>
    <row r="35" spans="2:7" x14ac:dyDescent="0.2">
      <c r="B35" s="29"/>
      <c r="C35" s="7"/>
      <c r="D35" s="23">
        <v>100</v>
      </c>
      <c r="E35" s="24">
        <v>49</v>
      </c>
      <c r="F35" s="25">
        <v>51</v>
      </c>
      <c r="G35" s="26" t="s">
        <v>152</v>
      </c>
    </row>
    <row r="36" spans="2:7" x14ac:dyDescent="0.2">
      <c r="B36" s="29"/>
      <c r="C36" s="2" t="s">
        <v>147</v>
      </c>
      <c r="D36" s="19">
        <v>54</v>
      </c>
      <c r="E36" s="20">
        <v>26</v>
      </c>
      <c r="F36" s="21">
        <v>28</v>
      </c>
      <c r="G36" s="22" t="s">
        <v>152</v>
      </c>
    </row>
    <row r="37" spans="2:7" x14ac:dyDescent="0.2">
      <c r="B37" s="29"/>
      <c r="C37" s="7"/>
      <c r="D37" s="23">
        <v>100</v>
      </c>
      <c r="E37" s="24">
        <v>48.148148148148145</v>
      </c>
      <c r="F37" s="25">
        <v>51.851851851851848</v>
      </c>
      <c r="G37" s="26" t="s">
        <v>152</v>
      </c>
    </row>
    <row r="38" spans="2:7" x14ac:dyDescent="0.2">
      <c r="B38" s="29"/>
      <c r="C38" s="2" t="s">
        <v>80</v>
      </c>
      <c r="D38" s="19">
        <v>116</v>
      </c>
      <c r="E38" s="20">
        <v>45</v>
      </c>
      <c r="F38" s="21">
        <v>69</v>
      </c>
      <c r="G38" s="22">
        <v>2</v>
      </c>
    </row>
    <row r="39" spans="2:7" x14ac:dyDescent="0.2">
      <c r="B39" s="29"/>
      <c r="C39" s="7"/>
      <c r="D39" s="23">
        <v>100</v>
      </c>
      <c r="E39" s="24">
        <v>38.799999999999997</v>
      </c>
      <c r="F39" s="25">
        <v>59.5</v>
      </c>
      <c r="G39" s="26">
        <v>1.7</v>
      </c>
    </row>
    <row r="40" spans="2:7" x14ac:dyDescent="0.2">
      <c r="B40" s="29"/>
      <c r="C40" s="2" t="s">
        <v>82</v>
      </c>
      <c r="D40" s="19">
        <v>200</v>
      </c>
      <c r="E40" s="20">
        <v>81</v>
      </c>
      <c r="F40" s="21">
        <v>112</v>
      </c>
      <c r="G40" s="22">
        <v>7</v>
      </c>
    </row>
    <row r="41" spans="2:7" x14ac:dyDescent="0.2">
      <c r="B41" s="29"/>
      <c r="C41" s="7"/>
      <c r="D41" s="23">
        <v>100</v>
      </c>
      <c r="E41" s="24">
        <v>40.5</v>
      </c>
      <c r="F41" s="25">
        <v>56</v>
      </c>
      <c r="G41" s="26">
        <v>3.5</v>
      </c>
    </row>
    <row r="42" spans="2:7" x14ac:dyDescent="0.2">
      <c r="B42" s="29"/>
      <c r="C42" s="2" t="s">
        <v>84</v>
      </c>
      <c r="D42" s="19">
        <v>289</v>
      </c>
      <c r="E42" s="20">
        <v>146</v>
      </c>
      <c r="F42" s="21">
        <v>135</v>
      </c>
      <c r="G42" s="22">
        <v>8</v>
      </c>
    </row>
    <row r="43" spans="2:7" x14ac:dyDescent="0.2">
      <c r="B43" s="29"/>
      <c r="C43" s="7"/>
      <c r="D43" s="23">
        <v>100</v>
      </c>
      <c r="E43" s="24">
        <v>50.5</v>
      </c>
      <c r="F43" s="25">
        <v>46.7</v>
      </c>
      <c r="G43" s="26">
        <v>2.8</v>
      </c>
    </row>
    <row r="44" spans="2:7" x14ac:dyDescent="0.2">
      <c r="B44" s="29"/>
      <c r="C44" s="2" t="s">
        <v>86</v>
      </c>
      <c r="D44" s="19">
        <v>247</v>
      </c>
      <c r="E44" s="20">
        <v>123</v>
      </c>
      <c r="F44" s="21">
        <v>110</v>
      </c>
      <c r="G44" s="22">
        <v>14</v>
      </c>
    </row>
    <row r="45" spans="2:7" x14ac:dyDescent="0.2">
      <c r="B45" s="29"/>
      <c r="C45" s="7"/>
      <c r="D45" s="23">
        <v>100</v>
      </c>
      <c r="E45" s="24">
        <v>49.8</v>
      </c>
      <c r="F45" s="25">
        <v>44.5</v>
      </c>
      <c r="G45" s="26">
        <v>5.7</v>
      </c>
    </row>
    <row r="46" spans="2:7" x14ac:dyDescent="0.2">
      <c r="B46" s="29"/>
      <c r="C46" s="2" t="s">
        <v>88</v>
      </c>
      <c r="D46" s="19">
        <v>125</v>
      </c>
      <c r="E46" s="20">
        <v>81</v>
      </c>
      <c r="F46" s="21">
        <v>34</v>
      </c>
      <c r="G46" s="22">
        <v>10</v>
      </c>
    </row>
    <row r="47" spans="2:7" x14ac:dyDescent="0.2">
      <c r="B47" s="29"/>
      <c r="C47" s="7"/>
      <c r="D47" s="23">
        <v>100</v>
      </c>
      <c r="E47" s="24">
        <v>64.8</v>
      </c>
      <c r="F47" s="25">
        <v>27.2</v>
      </c>
      <c r="G47" s="26">
        <v>8</v>
      </c>
    </row>
    <row r="48" spans="2:7" x14ac:dyDescent="0.2">
      <c r="B48" s="29"/>
      <c r="C48" s="2" t="s">
        <v>90</v>
      </c>
      <c r="D48" s="19">
        <v>150</v>
      </c>
      <c r="E48" s="20">
        <v>95</v>
      </c>
      <c r="F48" s="21">
        <v>44</v>
      </c>
      <c r="G48" s="22">
        <v>11</v>
      </c>
    </row>
    <row r="49" spans="2:7" x14ac:dyDescent="0.2">
      <c r="B49" s="29"/>
      <c r="C49" s="7"/>
      <c r="D49" s="23">
        <v>100</v>
      </c>
      <c r="E49" s="24">
        <v>63.3</v>
      </c>
      <c r="F49" s="25">
        <v>29.3</v>
      </c>
      <c r="G49" s="26">
        <v>7.3</v>
      </c>
    </row>
    <row r="50" spans="2:7" x14ac:dyDescent="0.2">
      <c r="B50" s="29"/>
      <c r="C50" s="2" t="s">
        <v>92</v>
      </c>
      <c r="D50" s="19">
        <v>60</v>
      </c>
      <c r="E50" s="20">
        <v>34</v>
      </c>
      <c r="F50" s="21">
        <v>18</v>
      </c>
      <c r="G50" s="22">
        <v>8</v>
      </c>
    </row>
    <row r="51" spans="2:7" x14ac:dyDescent="0.2">
      <c r="B51" s="29"/>
      <c r="C51" s="10"/>
      <c r="D51" s="23">
        <v>100</v>
      </c>
      <c r="E51" s="24">
        <v>56.7</v>
      </c>
      <c r="F51" s="25">
        <v>30</v>
      </c>
      <c r="G51" s="26">
        <v>13.3</v>
      </c>
    </row>
    <row r="52" spans="2:7" x14ac:dyDescent="0.2">
      <c r="B52" s="28" t="s">
        <v>33</v>
      </c>
      <c r="C52" s="9" t="s">
        <v>12</v>
      </c>
      <c r="D52" s="11">
        <v>1241</v>
      </c>
      <c r="E52" s="12">
        <v>631</v>
      </c>
      <c r="F52" s="13">
        <v>550</v>
      </c>
      <c r="G52" s="14">
        <v>60</v>
      </c>
    </row>
    <row r="53" spans="2:7" x14ac:dyDescent="0.2">
      <c r="B53" s="29"/>
      <c r="C53" s="8"/>
      <c r="D53" s="15">
        <v>100</v>
      </c>
      <c r="E53" s="16">
        <v>50.8</v>
      </c>
      <c r="F53" s="17">
        <v>44.3</v>
      </c>
      <c r="G53" s="18">
        <v>4.8</v>
      </c>
    </row>
    <row r="54" spans="2:7" x14ac:dyDescent="0.2">
      <c r="B54" s="29"/>
      <c r="C54" s="2" t="s">
        <v>57</v>
      </c>
      <c r="D54" s="19">
        <v>2</v>
      </c>
      <c r="E54" s="20">
        <v>1</v>
      </c>
      <c r="F54" s="21">
        <v>1</v>
      </c>
      <c r="G54" s="22" t="s">
        <v>152</v>
      </c>
    </row>
    <row r="55" spans="2:7" x14ac:dyDescent="0.2">
      <c r="B55" s="29"/>
      <c r="C55" s="7"/>
      <c r="D55" s="23">
        <v>100</v>
      </c>
      <c r="E55" s="24">
        <v>50</v>
      </c>
      <c r="F55" s="25">
        <v>50</v>
      </c>
      <c r="G55" s="26" t="s">
        <v>152</v>
      </c>
    </row>
    <row r="56" spans="2:7" x14ac:dyDescent="0.2">
      <c r="B56" s="29"/>
      <c r="C56" s="2" t="s">
        <v>63</v>
      </c>
      <c r="D56" s="19">
        <v>20</v>
      </c>
      <c r="E56" s="20">
        <v>12</v>
      </c>
      <c r="F56" s="21">
        <v>8</v>
      </c>
      <c r="G56" s="22" t="s">
        <v>152</v>
      </c>
    </row>
    <row r="57" spans="2:7" x14ac:dyDescent="0.2">
      <c r="B57" s="29"/>
      <c r="C57" s="7"/>
      <c r="D57" s="23">
        <v>100</v>
      </c>
      <c r="E57" s="24">
        <v>60</v>
      </c>
      <c r="F57" s="25">
        <v>40</v>
      </c>
      <c r="G57" s="26" t="s">
        <v>152</v>
      </c>
    </row>
    <row r="58" spans="2:7" x14ac:dyDescent="0.2">
      <c r="B58" s="29"/>
      <c r="C58" s="2" t="s">
        <v>148</v>
      </c>
      <c r="D58" s="19">
        <v>22</v>
      </c>
      <c r="E58" s="20">
        <v>13</v>
      </c>
      <c r="F58" s="21">
        <v>9</v>
      </c>
      <c r="G58" s="22" t="s">
        <v>152</v>
      </c>
    </row>
    <row r="59" spans="2:7" x14ac:dyDescent="0.2">
      <c r="B59" s="29"/>
      <c r="C59" s="7"/>
      <c r="D59" s="23">
        <v>100</v>
      </c>
      <c r="E59" s="24">
        <v>59.090909090909093</v>
      </c>
      <c r="F59" s="25">
        <v>40.909090909090914</v>
      </c>
      <c r="G59" s="26" t="s">
        <v>152</v>
      </c>
    </row>
    <row r="60" spans="2:7" x14ac:dyDescent="0.2">
      <c r="B60" s="29"/>
      <c r="C60" s="2" t="s">
        <v>64</v>
      </c>
      <c r="D60" s="19">
        <v>51</v>
      </c>
      <c r="E60" s="20">
        <v>21</v>
      </c>
      <c r="F60" s="21">
        <v>29</v>
      </c>
      <c r="G60" s="22">
        <v>1</v>
      </c>
    </row>
    <row r="61" spans="2:7" x14ac:dyDescent="0.2">
      <c r="B61" s="29"/>
      <c r="C61" s="7"/>
      <c r="D61" s="23">
        <v>100</v>
      </c>
      <c r="E61" s="24">
        <v>41.2</v>
      </c>
      <c r="F61" s="25">
        <v>56.9</v>
      </c>
      <c r="G61" s="26">
        <v>2</v>
      </c>
    </row>
    <row r="62" spans="2:7" x14ac:dyDescent="0.2">
      <c r="B62" s="29"/>
      <c r="C62" s="2" t="s">
        <v>65</v>
      </c>
      <c r="D62" s="19">
        <v>88</v>
      </c>
      <c r="E62" s="20">
        <v>30</v>
      </c>
      <c r="F62" s="21">
        <v>57</v>
      </c>
      <c r="G62" s="22">
        <v>1</v>
      </c>
    </row>
    <row r="63" spans="2:7" x14ac:dyDescent="0.2">
      <c r="B63" s="29"/>
      <c r="C63" s="7"/>
      <c r="D63" s="23">
        <v>100</v>
      </c>
      <c r="E63" s="24">
        <v>34.1</v>
      </c>
      <c r="F63" s="25">
        <v>64.8</v>
      </c>
      <c r="G63" s="26">
        <v>1.1000000000000001</v>
      </c>
    </row>
    <row r="64" spans="2:7" x14ac:dyDescent="0.2">
      <c r="B64" s="29"/>
      <c r="C64" s="2" t="s">
        <v>66</v>
      </c>
      <c r="D64" s="19">
        <v>146</v>
      </c>
      <c r="E64" s="20">
        <v>72</v>
      </c>
      <c r="F64" s="21">
        <v>70</v>
      </c>
      <c r="G64" s="22">
        <v>4</v>
      </c>
    </row>
    <row r="65" spans="2:7" x14ac:dyDescent="0.2">
      <c r="B65" s="29"/>
      <c r="C65" s="7"/>
      <c r="D65" s="23">
        <v>100</v>
      </c>
      <c r="E65" s="24">
        <v>49.3</v>
      </c>
      <c r="F65" s="25">
        <v>47.9</v>
      </c>
      <c r="G65" s="26">
        <v>2.7</v>
      </c>
    </row>
    <row r="66" spans="2:7" x14ac:dyDescent="0.2">
      <c r="B66" s="29"/>
      <c r="C66" s="2" t="s">
        <v>67</v>
      </c>
      <c r="D66" s="19">
        <v>133</v>
      </c>
      <c r="E66" s="20">
        <v>65</v>
      </c>
      <c r="F66" s="21">
        <v>60</v>
      </c>
      <c r="G66" s="22">
        <v>8</v>
      </c>
    </row>
    <row r="67" spans="2:7" x14ac:dyDescent="0.2">
      <c r="B67" s="29"/>
      <c r="C67" s="7"/>
      <c r="D67" s="23">
        <v>100</v>
      </c>
      <c r="E67" s="24">
        <v>48.9</v>
      </c>
      <c r="F67" s="25">
        <v>45.1</v>
      </c>
      <c r="G67" s="26">
        <v>6</v>
      </c>
    </row>
    <row r="68" spans="2:7" x14ac:dyDescent="0.2">
      <c r="B68" s="29"/>
      <c r="C68" s="2" t="s">
        <v>58</v>
      </c>
      <c r="D68" s="19">
        <v>57</v>
      </c>
      <c r="E68" s="20">
        <v>33</v>
      </c>
      <c r="F68" s="21">
        <v>20</v>
      </c>
      <c r="G68" s="22">
        <v>4</v>
      </c>
    </row>
    <row r="69" spans="2:7" x14ac:dyDescent="0.2">
      <c r="B69" s="29"/>
      <c r="C69" s="7"/>
      <c r="D69" s="23">
        <v>100</v>
      </c>
      <c r="E69" s="24">
        <v>57.9</v>
      </c>
      <c r="F69" s="25">
        <v>35.1</v>
      </c>
      <c r="G69" s="26">
        <v>7</v>
      </c>
    </row>
    <row r="70" spans="2:7" x14ac:dyDescent="0.2">
      <c r="B70" s="29"/>
      <c r="C70" s="2" t="s">
        <v>68</v>
      </c>
      <c r="D70" s="19">
        <v>65</v>
      </c>
      <c r="E70" s="20">
        <v>40</v>
      </c>
      <c r="F70" s="21">
        <v>20</v>
      </c>
      <c r="G70" s="22">
        <v>5</v>
      </c>
    </row>
    <row r="71" spans="2:7" x14ac:dyDescent="0.2">
      <c r="B71" s="29"/>
      <c r="C71" s="7"/>
      <c r="D71" s="23">
        <v>100</v>
      </c>
      <c r="E71" s="24">
        <v>61.5</v>
      </c>
      <c r="F71" s="25">
        <v>30.8</v>
      </c>
      <c r="G71" s="26">
        <v>7.7</v>
      </c>
    </row>
    <row r="72" spans="2:7" x14ac:dyDescent="0.2">
      <c r="B72" s="29"/>
      <c r="C72" s="2" t="s">
        <v>59</v>
      </c>
      <c r="D72" s="19">
        <v>1</v>
      </c>
      <c r="E72" s="20" t="s">
        <v>152</v>
      </c>
      <c r="F72" s="21">
        <v>1</v>
      </c>
      <c r="G72" s="22" t="s">
        <v>152</v>
      </c>
    </row>
    <row r="73" spans="2:7" x14ac:dyDescent="0.2">
      <c r="B73" s="29"/>
      <c r="C73" s="7"/>
      <c r="D73" s="23">
        <v>100</v>
      </c>
      <c r="E73" s="24" t="s">
        <v>152</v>
      </c>
      <c r="F73" s="25">
        <v>100</v>
      </c>
      <c r="G73" s="26" t="s">
        <v>152</v>
      </c>
    </row>
    <row r="74" spans="2:7" x14ac:dyDescent="0.2">
      <c r="B74" s="29"/>
      <c r="C74" s="2" t="s">
        <v>69</v>
      </c>
      <c r="D74" s="19">
        <v>29</v>
      </c>
      <c r="E74" s="20">
        <v>13</v>
      </c>
      <c r="F74" s="21">
        <v>16</v>
      </c>
      <c r="G74" s="22" t="s">
        <v>152</v>
      </c>
    </row>
    <row r="75" spans="2:7" x14ac:dyDescent="0.2">
      <c r="B75" s="29"/>
      <c r="C75" s="7"/>
      <c r="D75" s="23">
        <v>100</v>
      </c>
      <c r="E75" s="24">
        <v>44.8</v>
      </c>
      <c r="F75" s="25">
        <v>55.2</v>
      </c>
      <c r="G75" s="26" t="s">
        <v>152</v>
      </c>
    </row>
    <row r="76" spans="2:7" x14ac:dyDescent="0.2">
      <c r="B76" s="29"/>
      <c r="C76" s="2" t="s">
        <v>149</v>
      </c>
      <c r="D76" s="19">
        <v>30</v>
      </c>
      <c r="E76" s="20">
        <v>13</v>
      </c>
      <c r="F76" s="21">
        <v>17</v>
      </c>
      <c r="G76" s="22" t="s">
        <v>152</v>
      </c>
    </row>
    <row r="77" spans="2:7" x14ac:dyDescent="0.2">
      <c r="B77" s="29"/>
      <c r="C77" s="7"/>
      <c r="D77" s="23">
        <v>100</v>
      </c>
      <c r="E77" s="24">
        <v>43.333333333333336</v>
      </c>
      <c r="F77" s="25">
        <v>56.666666666666664</v>
      </c>
      <c r="G77" s="26" t="s">
        <v>152</v>
      </c>
    </row>
    <row r="78" spans="2:7" x14ac:dyDescent="0.2">
      <c r="B78" s="29"/>
      <c r="C78" s="2" t="s">
        <v>70</v>
      </c>
      <c r="D78" s="19">
        <v>64</v>
      </c>
      <c r="E78" s="20">
        <v>23</v>
      </c>
      <c r="F78" s="21">
        <v>40</v>
      </c>
      <c r="G78" s="22">
        <v>1</v>
      </c>
    </row>
    <row r="79" spans="2:7" x14ac:dyDescent="0.2">
      <c r="B79" s="29"/>
      <c r="C79" s="7"/>
      <c r="D79" s="23">
        <v>100</v>
      </c>
      <c r="E79" s="24">
        <v>35.9</v>
      </c>
      <c r="F79" s="25">
        <v>62.5</v>
      </c>
      <c r="G79" s="26">
        <v>1.6</v>
      </c>
    </row>
    <row r="80" spans="2:7" x14ac:dyDescent="0.2">
      <c r="B80" s="29"/>
      <c r="C80" s="2" t="s">
        <v>71</v>
      </c>
      <c r="D80" s="19">
        <v>112</v>
      </c>
      <c r="E80" s="20">
        <v>51</v>
      </c>
      <c r="F80" s="21">
        <v>55</v>
      </c>
      <c r="G80" s="22">
        <v>6</v>
      </c>
    </row>
    <row r="81" spans="2:7" x14ac:dyDescent="0.2">
      <c r="B81" s="29"/>
      <c r="C81" s="7"/>
      <c r="D81" s="23">
        <v>100</v>
      </c>
      <c r="E81" s="24">
        <v>45.5</v>
      </c>
      <c r="F81" s="25">
        <v>49.1</v>
      </c>
      <c r="G81" s="26">
        <v>5.4</v>
      </c>
    </row>
    <row r="82" spans="2:7" x14ac:dyDescent="0.2">
      <c r="B82" s="29"/>
      <c r="C82" s="2" t="s">
        <v>72</v>
      </c>
      <c r="D82" s="19">
        <v>137</v>
      </c>
      <c r="E82" s="20">
        <v>71</v>
      </c>
      <c r="F82" s="21">
        <v>62</v>
      </c>
      <c r="G82" s="22">
        <v>4</v>
      </c>
    </row>
    <row r="83" spans="2:7" x14ac:dyDescent="0.2">
      <c r="B83" s="29"/>
      <c r="C83" s="7"/>
      <c r="D83" s="23">
        <v>100</v>
      </c>
      <c r="E83" s="24">
        <v>51.8</v>
      </c>
      <c r="F83" s="25">
        <v>45.3</v>
      </c>
      <c r="G83" s="26">
        <v>2.9</v>
      </c>
    </row>
    <row r="84" spans="2:7" x14ac:dyDescent="0.2">
      <c r="B84" s="29"/>
      <c r="C84" s="2" t="s">
        <v>73</v>
      </c>
      <c r="D84" s="19">
        <v>112</v>
      </c>
      <c r="E84" s="20">
        <v>57</v>
      </c>
      <c r="F84" s="21">
        <v>49</v>
      </c>
      <c r="G84" s="22">
        <v>6</v>
      </c>
    </row>
    <row r="85" spans="2:7" x14ac:dyDescent="0.2">
      <c r="B85" s="29"/>
      <c r="C85" s="7"/>
      <c r="D85" s="23">
        <v>100</v>
      </c>
      <c r="E85" s="24">
        <v>50.9</v>
      </c>
      <c r="F85" s="25">
        <v>43.8</v>
      </c>
      <c r="G85" s="26">
        <v>5.4</v>
      </c>
    </row>
    <row r="86" spans="2:7" x14ac:dyDescent="0.2">
      <c r="B86" s="29"/>
      <c r="C86" s="2" t="s">
        <v>60</v>
      </c>
      <c r="D86" s="19">
        <v>66</v>
      </c>
      <c r="E86" s="20">
        <v>46</v>
      </c>
      <c r="F86" s="21">
        <v>14</v>
      </c>
      <c r="G86" s="22">
        <v>6</v>
      </c>
    </row>
    <row r="87" spans="2:7" x14ac:dyDescent="0.2">
      <c r="B87" s="29"/>
      <c r="C87" s="7"/>
      <c r="D87" s="23">
        <v>100</v>
      </c>
      <c r="E87" s="24">
        <v>69.7</v>
      </c>
      <c r="F87" s="25">
        <v>21.2</v>
      </c>
      <c r="G87" s="26">
        <v>9.1</v>
      </c>
    </row>
    <row r="88" spans="2:7" x14ac:dyDescent="0.2">
      <c r="B88" s="29"/>
      <c r="C88" s="2" t="s">
        <v>74</v>
      </c>
      <c r="D88" s="19">
        <v>83</v>
      </c>
      <c r="E88" s="20">
        <v>54</v>
      </c>
      <c r="F88" s="21">
        <v>23</v>
      </c>
      <c r="G88" s="22">
        <v>6</v>
      </c>
    </row>
    <row r="89" spans="2:7" x14ac:dyDescent="0.2">
      <c r="B89" s="29"/>
      <c r="C89" s="7"/>
      <c r="D89" s="23">
        <v>100</v>
      </c>
      <c r="E89" s="24">
        <v>65.099999999999994</v>
      </c>
      <c r="F89" s="25">
        <v>27.7</v>
      </c>
      <c r="G89" s="26">
        <v>7.2</v>
      </c>
    </row>
    <row r="90" spans="2:7" x14ac:dyDescent="0.2">
      <c r="B90" s="29"/>
      <c r="C90" s="2" t="s">
        <v>0</v>
      </c>
      <c r="D90" s="19">
        <v>75</v>
      </c>
      <c r="E90" s="20">
        <v>42</v>
      </c>
      <c r="F90" s="21">
        <v>25</v>
      </c>
      <c r="G90" s="22">
        <v>8</v>
      </c>
    </row>
    <row r="91" spans="2:7" x14ac:dyDescent="0.2">
      <c r="B91" s="29"/>
      <c r="C91" s="7"/>
      <c r="D91" s="23">
        <v>100</v>
      </c>
      <c r="E91" s="24">
        <v>56</v>
      </c>
      <c r="F91" s="25">
        <v>33.299999999999997</v>
      </c>
      <c r="G91" s="26">
        <v>10.7</v>
      </c>
    </row>
    <row r="92" spans="2:7" x14ac:dyDescent="0.2">
      <c r="B92" s="28" t="s">
        <v>32</v>
      </c>
      <c r="C92" s="9" t="s">
        <v>12</v>
      </c>
      <c r="D92" s="11">
        <v>1241</v>
      </c>
      <c r="E92" s="12">
        <v>631</v>
      </c>
      <c r="F92" s="13">
        <v>550</v>
      </c>
      <c r="G92" s="14">
        <v>60</v>
      </c>
    </row>
    <row r="93" spans="2:7" x14ac:dyDescent="0.2">
      <c r="B93" s="29"/>
      <c r="C93" s="8"/>
      <c r="D93" s="15">
        <v>100</v>
      </c>
      <c r="E93" s="16">
        <v>50.8</v>
      </c>
      <c r="F93" s="17">
        <v>44.3</v>
      </c>
      <c r="G93" s="18">
        <v>4.8</v>
      </c>
    </row>
    <row r="94" spans="2:7" x14ac:dyDescent="0.2">
      <c r="B94" s="29"/>
      <c r="C94" s="2" t="s">
        <v>21</v>
      </c>
      <c r="D94" s="19">
        <v>65</v>
      </c>
      <c r="E94" s="20">
        <v>32</v>
      </c>
      <c r="F94" s="21">
        <v>29</v>
      </c>
      <c r="G94" s="22">
        <v>4</v>
      </c>
    </row>
    <row r="95" spans="2:7" x14ac:dyDescent="0.2">
      <c r="B95" s="29"/>
      <c r="C95" s="7"/>
      <c r="D95" s="23">
        <v>100</v>
      </c>
      <c r="E95" s="24">
        <v>49.2</v>
      </c>
      <c r="F95" s="25">
        <v>44.6</v>
      </c>
      <c r="G95" s="26">
        <v>6.2</v>
      </c>
    </row>
    <row r="96" spans="2:7" x14ac:dyDescent="0.2">
      <c r="B96" s="29"/>
      <c r="C96" s="2" t="s">
        <v>20</v>
      </c>
      <c r="D96" s="19">
        <v>7</v>
      </c>
      <c r="E96" s="20">
        <v>5</v>
      </c>
      <c r="F96" s="21">
        <v>2</v>
      </c>
      <c r="G96" s="22" t="s">
        <v>152</v>
      </c>
    </row>
    <row r="97" spans="2:7" x14ac:dyDescent="0.2">
      <c r="B97" s="29"/>
      <c r="C97" s="7"/>
      <c r="D97" s="23">
        <v>100</v>
      </c>
      <c r="E97" s="24">
        <v>71.400000000000006</v>
      </c>
      <c r="F97" s="25">
        <v>28.6</v>
      </c>
      <c r="G97" s="26" t="s">
        <v>152</v>
      </c>
    </row>
    <row r="98" spans="2:7" x14ac:dyDescent="0.2">
      <c r="B98" s="29"/>
      <c r="C98" s="2" t="s">
        <v>19</v>
      </c>
      <c r="D98" s="19">
        <v>484</v>
      </c>
      <c r="E98" s="20">
        <v>219</v>
      </c>
      <c r="F98" s="21">
        <v>253</v>
      </c>
      <c r="G98" s="22">
        <v>12</v>
      </c>
    </row>
    <row r="99" spans="2:7" x14ac:dyDescent="0.2">
      <c r="B99" s="29"/>
      <c r="C99" s="7"/>
      <c r="D99" s="23">
        <v>100</v>
      </c>
      <c r="E99" s="24">
        <v>45.2</v>
      </c>
      <c r="F99" s="25">
        <v>52.3</v>
      </c>
      <c r="G99" s="26">
        <v>2.5</v>
      </c>
    </row>
    <row r="100" spans="2:7" x14ac:dyDescent="0.2">
      <c r="B100" s="29"/>
      <c r="C100" s="2" t="s">
        <v>18</v>
      </c>
      <c r="D100" s="19">
        <v>195</v>
      </c>
      <c r="E100" s="20">
        <v>98</v>
      </c>
      <c r="F100" s="21">
        <v>88</v>
      </c>
      <c r="G100" s="22">
        <v>9</v>
      </c>
    </row>
    <row r="101" spans="2:7" x14ac:dyDescent="0.2">
      <c r="B101" s="29"/>
      <c r="C101" s="7"/>
      <c r="D101" s="23">
        <v>100</v>
      </c>
      <c r="E101" s="24">
        <v>50.3</v>
      </c>
      <c r="F101" s="25">
        <v>45.1</v>
      </c>
      <c r="G101" s="26">
        <v>4.5999999999999996</v>
      </c>
    </row>
    <row r="102" spans="2:7" x14ac:dyDescent="0.2">
      <c r="B102" s="29"/>
      <c r="C102" s="2" t="s">
        <v>17</v>
      </c>
      <c r="D102" s="19">
        <v>1</v>
      </c>
      <c r="E102" s="20">
        <v>1</v>
      </c>
      <c r="F102" s="21" t="s">
        <v>152</v>
      </c>
      <c r="G102" s="22" t="s">
        <v>152</v>
      </c>
    </row>
    <row r="103" spans="2:7" x14ac:dyDescent="0.2">
      <c r="B103" s="29"/>
      <c r="C103" s="7"/>
      <c r="D103" s="23">
        <v>100</v>
      </c>
      <c r="E103" s="24">
        <v>100</v>
      </c>
      <c r="F103" s="25" t="s">
        <v>152</v>
      </c>
      <c r="G103" s="26" t="s">
        <v>152</v>
      </c>
    </row>
    <row r="104" spans="2:7" x14ac:dyDescent="0.2">
      <c r="B104" s="29"/>
      <c r="C104" s="2" t="s">
        <v>151</v>
      </c>
      <c r="D104" s="19">
        <v>178</v>
      </c>
      <c r="E104" s="20">
        <v>115</v>
      </c>
      <c r="F104" s="21">
        <v>55</v>
      </c>
      <c r="G104" s="22">
        <v>8</v>
      </c>
    </row>
    <row r="105" spans="2:7" x14ac:dyDescent="0.2">
      <c r="B105" s="29"/>
      <c r="C105" s="7"/>
      <c r="D105" s="23">
        <v>100</v>
      </c>
      <c r="E105" s="24">
        <v>64.599999999999994</v>
      </c>
      <c r="F105" s="25">
        <v>30.9</v>
      </c>
      <c r="G105" s="26">
        <v>4.5</v>
      </c>
    </row>
    <row r="106" spans="2:7" x14ac:dyDescent="0.2">
      <c r="B106" s="29"/>
      <c r="C106" s="2" t="s">
        <v>16</v>
      </c>
      <c r="D106" s="19">
        <v>10</v>
      </c>
      <c r="E106" s="20">
        <v>6</v>
      </c>
      <c r="F106" s="21">
        <v>4</v>
      </c>
      <c r="G106" s="22" t="s">
        <v>152</v>
      </c>
    </row>
    <row r="107" spans="2:7" x14ac:dyDescent="0.2">
      <c r="B107" s="29"/>
      <c r="C107" s="7"/>
      <c r="D107" s="23">
        <v>100</v>
      </c>
      <c r="E107" s="24">
        <v>60</v>
      </c>
      <c r="F107" s="25">
        <v>40</v>
      </c>
      <c r="G107" s="26" t="s">
        <v>152</v>
      </c>
    </row>
    <row r="108" spans="2:7" x14ac:dyDescent="0.2">
      <c r="B108" s="29"/>
      <c r="C108" s="2" t="s">
        <v>15</v>
      </c>
      <c r="D108" s="19">
        <v>211</v>
      </c>
      <c r="E108" s="20">
        <v>106</v>
      </c>
      <c r="F108" s="21">
        <v>92</v>
      </c>
      <c r="G108" s="22">
        <v>13</v>
      </c>
    </row>
    <row r="109" spans="2:7" x14ac:dyDescent="0.2">
      <c r="B109" s="29"/>
      <c r="C109" s="7"/>
      <c r="D109" s="23">
        <v>100</v>
      </c>
      <c r="E109" s="24">
        <v>50.2</v>
      </c>
      <c r="F109" s="25">
        <v>43.6</v>
      </c>
      <c r="G109" s="26">
        <v>6.2</v>
      </c>
    </row>
    <row r="110" spans="2:7" x14ac:dyDescent="0.2">
      <c r="B110" s="29"/>
      <c r="C110" s="2" t="s">
        <v>14</v>
      </c>
      <c r="D110" s="19">
        <v>12</v>
      </c>
      <c r="E110" s="20">
        <v>7</v>
      </c>
      <c r="F110" s="21">
        <v>3</v>
      </c>
      <c r="G110" s="22">
        <v>2</v>
      </c>
    </row>
    <row r="111" spans="2:7" x14ac:dyDescent="0.2">
      <c r="B111" s="29"/>
      <c r="C111" s="7"/>
      <c r="D111" s="23">
        <v>100</v>
      </c>
      <c r="E111" s="24">
        <v>58.3</v>
      </c>
      <c r="F111" s="25">
        <v>25</v>
      </c>
      <c r="G111" s="26">
        <v>16.7</v>
      </c>
    </row>
    <row r="112" spans="2:7" x14ac:dyDescent="0.2">
      <c r="B112" s="29"/>
      <c r="C112" s="2" t="s">
        <v>13</v>
      </c>
      <c r="D112" s="19">
        <v>78</v>
      </c>
      <c r="E112" s="20">
        <v>42</v>
      </c>
      <c r="F112" s="21">
        <v>24</v>
      </c>
      <c r="G112" s="22">
        <v>12</v>
      </c>
    </row>
    <row r="113" spans="2:7" x14ac:dyDescent="0.2">
      <c r="B113" s="30"/>
      <c r="C113" s="10"/>
      <c r="D113" s="15">
        <v>100</v>
      </c>
      <c r="E113" s="16">
        <v>53.8</v>
      </c>
      <c r="F113" s="17">
        <v>30.8</v>
      </c>
      <c r="G113" s="18">
        <v>15.4</v>
      </c>
    </row>
    <row r="114" spans="2:7" x14ac:dyDescent="0.2">
      <c r="B114" s="28" t="s">
        <v>31</v>
      </c>
      <c r="C114" s="9" t="s">
        <v>12</v>
      </c>
      <c r="D114" s="11">
        <v>752</v>
      </c>
      <c r="E114" s="12">
        <v>355</v>
      </c>
      <c r="F114" s="13">
        <v>372</v>
      </c>
      <c r="G114" s="14">
        <v>25</v>
      </c>
    </row>
    <row r="115" spans="2:7" x14ac:dyDescent="0.2">
      <c r="B115" s="29"/>
      <c r="C115" s="8"/>
      <c r="D115" s="15">
        <v>100</v>
      </c>
      <c r="E115" s="16">
        <v>47.2</v>
      </c>
      <c r="F115" s="17">
        <v>49.5</v>
      </c>
      <c r="G115" s="18">
        <v>3.3</v>
      </c>
    </row>
    <row r="116" spans="2:7" x14ac:dyDescent="0.2">
      <c r="B116" s="29"/>
      <c r="C116" s="2" t="s">
        <v>11</v>
      </c>
      <c r="D116" s="19">
        <v>2</v>
      </c>
      <c r="E116" s="20">
        <v>2</v>
      </c>
      <c r="F116" s="21" t="s">
        <v>152</v>
      </c>
      <c r="G116" s="22" t="s">
        <v>152</v>
      </c>
    </row>
    <row r="117" spans="2:7" x14ac:dyDescent="0.2">
      <c r="B117" s="29"/>
      <c r="C117" s="7"/>
      <c r="D117" s="23">
        <v>100</v>
      </c>
      <c r="E117" s="24">
        <v>100</v>
      </c>
      <c r="F117" s="25" t="s">
        <v>152</v>
      </c>
      <c r="G117" s="26" t="s">
        <v>152</v>
      </c>
    </row>
    <row r="118" spans="2:7" x14ac:dyDescent="0.2">
      <c r="B118" s="29"/>
      <c r="C118" s="2" t="s">
        <v>10</v>
      </c>
      <c r="D118" s="19">
        <v>32</v>
      </c>
      <c r="E118" s="20">
        <v>18</v>
      </c>
      <c r="F118" s="21">
        <v>12</v>
      </c>
      <c r="G118" s="22">
        <v>2</v>
      </c>
    </row>
    <row r="119" spans="2:7" x14ac:dyDescent="0.2">
      <c r="B119" s="29"/>
      <c r="C119" s="7"/>
      <c r="D119" s="23">
        <v>100</v>
      </c>
      <c r="E119" s="24">
        <v>56.3</v>
      </c>
      <c r="F119" s="25">
        <v>37.5</v>
      </c>
      <c r="G119" s="26">
        <v>6.3</v>
      </c>
    </row>
    <row r="120" spans="2:7" x14ac:dyDescent="0.2">
      <c r="B120" s="29"/>
      <c r="C120" s="2" t="s">
        <v>9</v>
      </c>
      <c r="D120" s="19">
        <v>33</v>
      </c>
      <c r="E120" s="20">
        <v>14</v>
      </c>
      <c r="F120" s="21">
        <v>17</v>
      </c>
      <c r="G120" s="22">
        <v>2</v>
      </c>
    </row>
    <row r="121" spans="2:7" x14ac:dyDescent="0.2">
      <c r="B121" s="29"/>
      <c r="C121" s="7"/>
      <c r="D121" s="23">
        <v>100</v>
      </c>
      <c r="E121" s="24">
        <v>42.4</v>
      </c>
      <c r="F121" s="25">
        <v>51.5</v>
      </c>
      <c r="G121" s="26">
        <v>6.1</v>
      </c>
    </row>
    <row r="122" spans="2:7" x14ac:dyDescent="0.2">
      <c r="B122" s="29"/>
      <c r="C122" s="2" t="s">
        <v>8</v>
      </c>
      <c r="D122" s="19">
        <v>71</v>
      </c>
      <c r="E122" s="20">
        <v>28</v>
      </c>
      <c r="F122" s="21">
        <v>42</v>
      </c>
      <c r="G122" s="22">
        <v>1</v>
      </c>
    </row>
    <row r="123" spans="2:7" x14ac:dyDescent="0.2">
      <c r="B123" s="29"/>
      <c r="C123" s="7"/>
      <c r="D123" s="23">
        <v>100</v>
      </c>
      <c r="E123" s="24">
        <v>39.4</v>
      </c>
      <c r="F123" s="25">
        <v>59.2</v>
      </c>
      <c r="G123" s="26">
        <v>1.4</v>
      </c>
    </row>
    <row r="124" spans="2:7" x14ac:dyDescent="0.2">
      <c r="B124" s="29"/>
      <c r="C124" s="2" t="s">
        <v>7</v>
      </c>
      <c r="D124" s="19">
        <v>152</v>
      </c>
      <c r="E124" s="20">
        <v>59</v>
      </c>
      <c r="F124" s="21">
        <v>89</v>
      </c>
      <c r="G124" s="22">
        <v>4</v>
      </c>
    </row>
    <row r="125" spans="2:7" x14ac:dyDescent="0.2">
      <c r="B125" s="29"/>
      <c r="C125" s="7"/>
      <c r="D125" s="23">
        <v>100</v>
      </c>
      <c r="E125" s="24">
        <v>38.799999999999997</v>
      </c>
      <c r="F125" s="25">
        <v>58.6</v>
      </c>
      <c r="G125" s="26">
        <v>2.6</v>
      </c>
    </row>
    <row r="126" spans="2:7" x14ac:dyDescent="0.2">
      <c r="B126" s="29"/>
      <c r="C126" s="2" t="s">
        <v>6</v>
      </c>
      <c r="D126" s="19">
        <v>176</v>
      </c>
      <c r="E126" s="20">
        <v>83</v>
      </c>
      <c r="F126" s="21">
        <v>87</v>
      </c>
      <c r="G126" s="22">
        <v>6</v>
      </c>
    </row>
    <row r="127" spans="2:7" x14ac:dyDescent="0.2">
      <c r="B127" s="29"/>
      <c r="C127" s="7"/>
      <c r="D127" s="23">
        <v>100</v>
      </c>
      <c r="E127" s="24">
        <v>47.2</v>
      </c>
      <c r="F127" s="25">
        <v>49.4</v>
      </c>
      <c r="G127" s="26">
        <v>3.4</v>
      </c>
    </row>
    <row r="128" spans="2:7" x14ac:dyDescent="0.2">
      <c r="B128" s="29"/>
      <c r="C128" s="2" t="s">
        <v>5</v>
      </c>
      <c r="D128" s="19">
        <v>37</v>
      </c>
      <c r="E128" s="20">
        <v>18</v>
      </c>
      <c r="F128" s="21">
        <v>18</v>
      </c>
      <c r="G128" s="22">
        <v>1</v>
      </c>
    </row>
    <row r="129" spans="2:7" x14ac:dyDescent="0.2">
      <c r="B129" s="29"/>
      <c r="C129" s="7"/>
      <c r="D129" s="23">
        <v>100</v>
      </c>
      <c r="E129" s="24">
        <v>48.6</v>
      </c>
      <c r="F129" s="25">
        <v>48.6</v>
      </c>
      <c r="G129" s="26">
        <v>2.7</v>
      </c>
    </row>
    <row r="130" spans="2:7" x14ac:dyDescent="0.2">
      <c r="B130" s="29"/>
      <c r="C130" s="2" t="s">
        <v>4</v>
      </c>
      <c r="D130" s="19">
        <v>67</v>
      </c>
      <c r="E130" s="20">
        <v>44</v>
      </c>
      <c r="F130" s="21">
        <v>23</v>
      </c>
      <c r="G130" s="22" t="s">
        <v>152</v>
      </c>
    </row>
    <row r="131" spans="2:7" x14ac:dyDescent="0.2">
      <c r="B131" s="29"/>
      <c r="C131" s="7"/>
      <c r="D131" s="23">
        <v>100</v>
      </c>
      <c r="E131" s="24">
        <v>65.7</v>
      </c>
      <c r="F131" s="25">
        <v>34.299999999999997</v>
      </c>
      <c r="G131" s="26" t="s">
        <v>152</v>
      </c>
    </row>
    <row r="132" spans="2:7" x14ac:dyDescent="0.2">
      <c r="B132" s="29"/>
      <c r="C132" s="2" t="s">
        <v>3</v>
      </c>
      <c r="D132" s="19">
        <v>159</v>
      </c>
      <c r="E132" s="20">
        <v>76</v>
      </c>
      <c r="F132" s="21">
        <v>75</v>
      </c>
      <c r="G132" s="22">
        <v>8</v>
      </c>
    </row>
    <row r="133" spans="2:7" x14ac:dyDescent="0.2">
      <c r="B133" s="29"/>
      <c r="C133" s="7"/>
      <c r="D133" s="23">
        <v>100</v>
      </c>
      <c r="E133" s="24">
        <v>47.8</v>
      </c>
      <c r="F133" s="25">
        <v>47.2</v>
      </c>
      <c r="G133" s="26">
        <v>5</v>
      </c>
    </row>
    <row r="134" spans="2:7" x14ac:dyDescent="0.2">
      <c r="B134" s="29"/>
      <c r="C134" s="2" t="s">
        <v>2</v>
      </c>
      <c r="D134" s="19">
        <v>23</v>
      </c>
      <c r="E134" s="20">
        <v>13</v>
      </c>
      <c r="F134" s="21">
        <v>9</v>
      </c>
      <c r="G134" s="22">
        <v>1</v>
      </c>
    </row>
    <row r="135" spans="2:7" x14ac:dyDescent="0.2">
      <c r="B135" s="30"/>
      <c r="C135" s="10"/>
      <c r="D135" s="15">
        <v>100</v>
      </c>
      <c r="E135" s="16">
        <v>56.5</v>
      </c>
      <c r="F135" s="17">
        <v>39.1</v>
      </c>
      <c r="G135" s="18">
        <v>4.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84</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562</v>
      </c>
      <c r="F4" s="13">
        <v>630</v>
      </c>
      <c r="G4" s="14">
        <v>49</v>
      </c>
    </row>
    <row r="5" spans="2:7" x14ac:dyDescent="0.2">
      <c r="B5" s="29"/>
      <c r="C5" s="8"/>
      <c r="D5" s="15">
        <v>100</v>
      </c>
      <c r="E5" s="16">
        <v>45.3</v>
      </c>
      <c r="F5" s="17">
        <v>50.8</v>
      </c>
      <c r="G5" s="18">
        <v>3.9</v>
      </c>
    </row>
    <row r="6" spans="2:7" x14ac:dyDescent="0.2">
      <c r="B6" s="29"/>
      <c r="C6" s="2" t="s">
        <v>30</v>
      </c>
      <c r="D6" s="19">
        <v>499</v>
      </c>
      <c r="E6" s="20">
        <v>237</v>
      </c>
      <c r="F6" s="21">
        <v>248</v>
      </c>
      <c r="G6" s="22">
        <v>14</v>
      </c>
    </row>
    <row r="7" spans="2:7" x14ac:dyDescent="0.2">
      <c r="B7" s="29"/>
      <c r="C7" s="7"/>
      <c r="D7" s="23">
        <v>100</v>
      </c>
      <c r="E7" s="24">
        <v>47.5</v>
      </c>
      <c r="F7" s="25">
        <v>49.7</v>
      </c>
      <c r="G7" s="26">
        <v>2.8</v>
      </c>
    </row>
    <row r="8" spans="2:7" x14ac:dyDescent="0.2">
      <c r="B8" s="29"/>
      <c r="C8" s="2" t="s">
        <v>29</v>
      </c>
      <c r="D8" s="19">
        <v>150</v>
      </c>
      <c r="E8" s="20">
        <v>85</v>
      </c>
      <c r="F8" s="21">
        <v>61</v>
      </c>
      <c r="G8" s="22">
        <v>4</v>
      </c>
    </row>
    <row r="9" spans="2:7" x14ac:dyDescent="0.2">
      <c r="B9" s="29"/>
      <c r="C9" s="7"/>
      <c r="D9" s="23">
        <v>100</v>
      </c>
      <c r="E9" s="24">
        <v>56.7</v>
      </c>
      <c r="F9" s="25">
        <v>40.700000000000003</v>
      </c>
      <c r="G9" s="26">
        <v>2.7</v>
      </c>
    </row>
    <row r="10" spans="2:7" x14ac:dyDescent="0.2">
      <c r="B10" s="29"/>
      <c r="C10" s="2" t="s">
        <v>28</v>
      </c>
      <c r="D10" s="19">
        <v>82</v>
      </c>
      <c r="E10" s="20">
        <v>28</v>
      </c>
      <c r="F10" s="21">
        <v>48</v>
      </c>
      <c r="G10" s="22">
        <v>6</v>
      </c>
    </row>
    <row r="11" spans="2:7" x14ac:dyDescent="0.2">
      <c r="B11" s="29"/>
      <c r="C11" s="7"/>
      <c r="D11" s="23">
        <v>100</v>
      </c>
      <c r="E11" s="24">
        <v>34.1</v>
      </c>
      <c r="F11" s="25">
        <v>58.5</v>
      </c>
      <c r="G11" s="26">
        <v>7.3</v>
      </c>
    </row>
    <row r="12" spans="2:7" x14ac:dyDescent="0.2">
      <c r="B12" s="29"/>
      <c r="C12" s="2" t="s">
        <v>27</v>
      </c>
      <c r="D12" s="19">
        <v>92</v>
      </c>
      <c r="E12" s="20">
        <v>40</v>
      </c>
      <c r="F12" s="21">
        <v>46</v>
      </c>
      <c r="G12" s="22">
        <v>6</v>
      </c>
    </row>
    <row r="13" spans="2:7" x14ac:dyDescent="0.2">
      <c r="B13" s="29"/>
      <c r="C13" s="7"/>
      <c r="D13" s="23">
        <v>100</v>
      </c>
      <c r="E13" s="24">
        <v>43.5</v>
      </c>
      <c r="F13" s="25">
        <v>50</v>
      </c>
      <c r="G13" s="26">
        <v>6.5</v>
      </c>
    </row>
    <row r="14" spans="2:7" x14ac:dyDescent="0.2">
      <c r="B14" s="29"/>
      <c r="C14" s="2" t="s">
        <v>26</v>
      </c>
      <c r="D14" s="19">
        <v>112</v>
      </c>
      <c r="E14" s="20">
        <v>49</v>
      </c>
      <c r="F14" s="21">
        <v>60</v>
      </c>
      <c r="G14" s="22">
        <v>3</v>
      </c>
    </row>
    <row r="15" spans="2:7" x14ac:dyDescent="0.2">
      <c r="B15" s="29"/>
      <c r="C15" s="7"/>
      <c r="D15" s="23">
        <v>100</v>
      </c>
      <c r="E15" s="24">
        <v>43.8</v>
      </c>
      <c r="F15" s="25">
        <v>53.6</v>
      </c>
      <c r="G15" s="26">
        <v>2.7</v>
      </c>
    </row>
    <row r="16" spans="2:7" x14ac:dyDescent="0.2">
      <c r="B16" s="29"/>
      <c r="C16" s="2" t="s">
        <v>25</v>
      </c>
      <c r="D16" s="19">
        <v>188</v>
      </c>
      <c r="E16" s="20">
        <v>74</v>
      </c>
      <c r="F16" s="21">
        <v>108</v>
      </c>
      <c r="G16" s="22">
        <v>6</v>
      </c>
    </row>
    <row r="17" spans="2:7" x14ac:dyDescent="0.2">
      <c r="B17" s="29"/>
      <c r="C17" s="7"/>
      <c r="D17" s="23">
        <v>100</v>
      </c>
      <c r="E17" s="24">
        <v>39.4</v>
      </c>
      <c r="F17" s="25">
        <v>57.4</v>
      </c>
      <c r="G17" s="26">
        <v>3.2</v>
      </c>
    </row>
    <row r="18" spans="2:7" x14ac:dyDescent="0.2">
      <c r="B18" s="29"/>
      <c r="C18" s="2" t="s">
        <v>24</v>
      </c>
      <c r="D18" s="19">
        <v>60</v>
      </c>
      <c r="E18" s="20">
        <v>26</v>
      </c>
      <c r="F18" s="21">
        <v>32</v>
      </c>
      <c r="G18" s="22">
        <v>2</v>
      </c>
    </row>
    <row r="19" spans="2:7" x14ac:dyDescent="0.2">
      <c r="B19" s="29"/>
      <c r="C19" s="7"/>
      <c r="D19" s="23">
        <v>100</v>
      </c>
      <c r="E19" s="24">
        <v>43.3</v>
      </c>
      <c r="F19" s="25">
        <v>53.3</v>
      </c>
      <c r="G19" s="26">
        <v>3.3</v>
      </c>
    </row>
    <row r="20" spans="2:7" x14ac:dyDescent="0.2">
      <c r="B20" s="29"/>
      <c r="C20" s="2" t="s">
        <v>13</v>
      </c>
      <c r="D20" s="19">
        <v>58</v>
      </c>
      <c r="E20" s="20">
        <v>23</v>
      </c>
      <c r="F20" s="21">
        <v>27</v>
      </c>
      <c r="G20" s="22">
        <v>8</v>
      </c>
    </row>
    <row r="21" spans="2:7" x14ac:dyDescent="0.2">
      <c r="B21" s="30"/>
      <c r="C21" s="10"/>
      <c r="D21" s="15">
        <v>100</v>
      </c>
      <c r="E21" s="16">
        <v>39.700000000000003</v>
      </c>
      <c r="F21" s="17">
        <v>46.6</v>
      </c>
      <c r="G21" s="18">
        <v>13.8</v>
      </c>
    </row>
    <row r="22" spans="2:7" x14ac:dyDescent="0.2">
      <c r="B22" s="28" t="s">
        <v>35</v>
      </c>
      <c r="C22" s="9" t="s">
        <v>12</v>
      </c>
      <c r="D22" s="11">
        <v>1241</v>
      </c>
      <c r="E22" s="12">
        <v>562</v>
      </c>
      <c r="F22" s="13">
        <v>630</v>
      </c>
      <c r="G22" s="14">
        <v>49</v>
      </c>
    </row>
    <row r="23" spans="2:7" x14ac:dyDescent="0.2">
      <c r="B23" s="29"/>
      <c r="C23" s="8"/>
      <c r="D23" s="15">
        <v>100</v>
      </c>
      <c r="E23" s="16">
        <v>45.3</v>
      </c>
      <c r="F23" s="17">
        <v>50.8</v>
      </c>
      <c r="G23" s="18">
        <v>3.9</v>
      </c>
    </row>
    <row r="24" spans="2:7" x14ac:dyDescent="0.2">
      <c r="B24" s="29"/>
      <c r="C24" s="2" t="s">
        <v>23</v>
      </c>
      <c r="D24" s="19">
        <v>563</v>
      </c>
      <c r="E24" s="20">
        <v>278</v>
      </c>
      <c r="F24" s="21">
        <v>272</v>
      </c>
      <c r="G24" s="22">
        <v>13</v>
      </c>
    </row>
    <row r="25" spans="2:7" x14ac:dyDescent="0.2">
      <c r="B25" s="29"/>
      <c r="C25" s="7"/>
      <c r="D25" s="23">
        <v>100</v>
      </c>
      <c r="E25" s="24">
        <v>49.4</v>
      </c>
      <c r="F25" s="25">
        <v>48.3</v>
      </c>
      <c r="G25" s="26">
        <v>2.2999999999999998</v>
      </c>
    </row>
    <row r="26" spans="2:7" x14ac:dyDescent="0.2">
      <c r="B26" s="29"/>
      <c r="C26" s="2" t="s">
        <v>22</v>
      </c>
      <c r="D26" s="19">
        <v>607</v>
      </c>
      <c r="E26" s="20">
        <v>257</v>
      </c>
      <c r="F26" s="21">
        <v>322</v>
      </c>
      <c r="G26" s="22">
        <v>28</v>
      </c>
    </row>
    <row r="27" spans="2:7" x14ac:dyDescent="0.2">
      <c r="B27" s="29"/>
      <c r="C27" s="7"/>
      <c r="D27" s="23">
        <v>100</v>
      </c>
      <c r="E27" s="24">
        <v>42.3</v>
      </c>
      <c r="F27" s="25">
        <v>53</v>
      </c>
      <c r="G27" s="26">
        <v>4.5999999999999996</v>
      </c>
    </row>
    <row r="28" spans="2:7" x14ac:dyDescent="0.2">
      <c r="B28" s="29"/>
      <c r="C28" s="2" t="s">
        <v>13</v>
      </c>
      <c r="D28" s="19">
        <v>71</v>
      </c>
      <c r="E28" s="20">
        <v>27</v>
      </c>
      <c r="F28" s="21">
        <v>36</v>
      </c>
      <c r="G28" s="22">
        <v>8</v>
      </c>
    </row>
    <row r="29" spans="2:7" x14ac:dyDescent="0.2">
      <c r="B29" s="30"/>
      <c r="C29" s="10"/>
      <c r="D29" s="15">
        <v>100</v>
      </c>
      <c r="E29" s="16">
        <v>38</v>
      </c>
      <c r="F29" s="17">
        <v>50.7</v>
      </c>
      <c r="G29" s="18">
        <v>11.3</v>
      </c>
    </row>
    <row r="30" spans="2:7" x14ac:dyDescent="0.2">
      <c r="B30" s="28" t="s">
        <v>34</v>
      </c>
      <c r="C30" s="9" t="s">
        <v>12</v>
      </c>
      <c r="D30" s="11">
        <v>1241</v>
      </c>
      <c r="E30" s="12">
        <v>562</v>
      </c>
      <c r="F30" s="13">
        <v>630</v>
      </c>
      <c r="G30" s="14">
        <v>49</v>
      </c>
    </row>
    <row r="31" spans="2:7" x14ac:dyDescent="0.2">
      <c r="B31" s="29"/>
      <c r="C31" s="8"/>
      <c r="D31" s="15">
        <v>100</v>
      </c>
      <c r="E31" s="16">
        <v>45.3</v>
      </c>
      <c r="F31" s="17">
        <v>50.8</v>
      </c>
      <c r="G31" s="18">
        <v>3.9</v>
      </c>
    </row>
    <row r="32" spans="2:7" x14ac:dyDescent="0.2">
      <c r="B32" s="29"/>
      <c r="C32" s="2" t="s">
        <v>75</v>
      </c>
      <c r="D32" s="19">
        <v>3</v>
      </c>
      <c r="E32" s="20">
        <v>1</v>
      </c>
      <c r="F32" s="21">
        <v>2</v>
      </c>
      <c r="G32" s="22" t="s">
        <v>152</v>
      </c>
    </row>
    <row r="33" spans="2:7" x14ac:dyDescent="0.2">
      <c r="B33" s="29"/>
      <c r="C33" s="7"/>
      <c r="D33" s="23">
        <v>100</v>
      </c>
      <c r="E33" s="24">
        <v>33.299999999999997</v>
      </c>
      <c r="F33" s="25">
        <v>66.7</v>
      </c>
      <c r="G33" s="26" t="s">
        <v>152</v>
      </c>
    </row>
    <row r="34" spans="2:7" x14ac:dyDescent="0.2">
      <c r="B34" s="29"/>
      <c r="C34" s="2" t="s">
        <v>77</v>
      </c>
      <c r="D34" s="19">
        <v>51</v>
      </c>
      <c r="E34" s="20">
        <v>15</v>
      </c>
      <c r="F34" s="21">
        <v>36</v>
      </c>
      <c r="G34" s="22" t="s">
        <v>152</v>
      </c>
    </row>
    <row r="35" spans="2:7" x14ac:dyDescent="0.2">
      <c r="B35" s="29"/>
      <c r="C35" s="7"/>
      <c r="D35" s="23">
        <v>100</v>
      </c>
      <c r="E35" s="24">
        <v>29.4</v>
      </c>
      <c r="F35" s="25">
        <v>70.599999999999994</v>
      </c>
      <c r="G35" s="26" t="s">
        <v>152</v>
      </c>
    </row>
    <row r="36" spans="2:7" x14ac:dyDescent="0.2">
      <c r="B36" s="29"/>
      <c r="C36" s="2" t="s">
        <v>147</v>
      </c>
      <c r="D36" s="19">
        <v>54</v>
      </c>
      <c r="E36" s="20">
        <v>16</v>
      </c>
      <c r="F36" s="21">
        <v>38</v>
      </c>
      <c r="G36" s="22" t="s">
        <v>152</v>
      </c>
    </row>
    <row r="37" spans="2:7" x14ac:dyDescent="0.2">
      <c r="B37" s="29"/>
      <c r="C37" s="7"/>
      <c r="D37" s="23">
        <v>100</v>
      </c>
      <c r="E37" s="24">
        <v>29.629629629629626</v>
      </c>
      <c r="F37" s="25">
        <v>70.370370370370367</v>
      </c>
      <c r="G37" s="26" t="s">
        <v>152</v>
      </c>
    </row>
    <row r="38" spans="2:7" x14ac:dyDescent="0.2">
      <c r="B38" s="29"/>
      <c r="C38" s="2" t="s">
        <v>79</v>
      </c>
      <c r="D38" s="19">
        <v>116</v>
      </c>
      <c r="E38" s="20">
        <v>48</v>
      </c>
      <c r="F38" s="21">
        <v>63</v>
      </c>
      <c r="G38" s="22">
        <v>5</v>
      </c>
    </row>
    <row r="39" spans="2:7" x14ac:dyDescent="0.2">
      <c r="B39" s="29"/>
      <c r="C39" s="7"/>
      <c r="D39" s="23">
        <v>100</v>
      </c>
      <c r="E39" s="24">
        <v>41.4</v>
      </c>
      <c r="F39" s="25">
        <v>54.3</v>
      </c>
      <c r="G39" s="26">
        <v>4.3</v>
      </c>
    </row>
    <row r="40" spans="2:7" x14ac:dyDescent="0.2">
      <c r="B40" s="29"/>
      <c r="C40" s="2" t="s">
        <v>81</v>
      </c>
      <c r="D40" s="19">
        <v>200</v>
      </c>
      <c r="E40" s="20">
        <v>81</v>
      </c>
      <c r="F40" s="21">
        <v>115</v>
      </c>
      <c r="G40" s="22">
        <v>4</v>
      </c>
    </row>
    <row r="41" spans="2:7" x14ac:dyDescent="0.2">
      <c r="B41" s="29"/>
      <c r="C41" s="7"/>
      <c r="D41" s="23">
        <v>100</v>
      </c>
      <c r="E41" s="24">
        <v>40.5</v>
      </c>
      <c r="F41" s="25">
        <v>57.5</v>
      </c>
      <c r="G41" s="26">
        <v>2</v>
      </c>
    </row>
    <row r="42" spans="2:7" x14ac:dyDescent="0.2">
      <c r="B42" s="29"/>
      <c r="C42" s="2" t="s">
        <v>83</v>
      </c>
      <c r="D42" s="19">
        <v>289</v>
      </c>
      <c r="E42" s="20">
        <v>125</v>
      </c>
      <c r="F42" s="21">
        <v>158</v>
      </c>
      <c r="G42" s="22">
        <v>6</v>
      </c>
    </row>
    <row r="43" spans="2:7" x14ac:dyDescent="0.2">
      <c r="B43" s="29"/>
      <c r="C43" s="7"/>
      <c r="D43" s="23">
        <v>100</v>
      </c>
      <c r="E43" s="24">
        <v>43.3</v>
      </c>
      <c r="F43" s="25">
        <v>54.7</v>
      </c>
      <c r="G43" s="26">
        <v>2.1</v>
      </c>
    </row>
    <row r="44" spans="2:7" x14ac:dyDescent="0.2">
      <c r="B44" s="29"/>
      <c r="C44" s="2" t="s">
        <v>85</v>
      </c>
      <c r="D44" s="19">
        <v>247</v>
      </c>
      <c r="E44" s="20">
        <v>121</v>
      </c>
      <c r="F44" s="21">
        <v>119</v>
      </c>
      <c r="G44" s="22">
        <v>7</v>
      </c>
    </row>
    <row r="45" spans="2:7" x14ac:dyDescent="0.2">
      <c r="B45" s="29"/>
      <c r="C45" s="7"/>
      <c r="D45" s="23">
        <v>100</v>
      </c>
      <c r="E45" s="24">
        <v>49</v>
      </c>
      <c r="F45" s="25">
        <v>48.2</v>
      </c>
      <c r="G45" s="26">
        <v>2.8</v>
      </c>
    </row>
    <row r="46" spans="2:7" x14ac:dyDescent="0.2">
      <c r="B46" s="29"/>
      <c r="C46" s="2" t="s">
        <v>87</v>
      </c>
      <c r="D46" s="19">
        <v>125</v>
      </c>
      <c r="E46" s="20">
        <v>71</v>
      </c>
      <c r="F46" s="21">
        <v>45</v>
      </c>
      <c r="G46" s="22">
        <v>9</v>
      </c>
    </row>
    <row r="47" spans="2:7" x14ac:dyDescent="0.2">
      <c r="B47" s="29"/>
      <c r="C47" s="7"/>
      <c r="D47" s="23">
        <v>100</v>
      </c>
      <c r="E47" s="24">
        <v>56.8</v>
      </c>
      <c r="F47" s="25">
        <v>36</v>
      </c>
      <c r="G47" s="26">
        <v>7.2</v>
      </c>
    </row>
    <row r="48" spans="2:7" x14ac:dyDescent="0.2">
      <c r="B48" s="29"/>
      <c r="C48" s="2" t="s">
        <v>89</v>
      </c>
      <c r="D48" s="19">
        <v>150</v>
      </c>
      <c r="E48" s="20">
        <v>75</v>
      </c>
      <c r="F48" s="21">
        <v>65</v>
      </c>
      <c r="G48" s="22">
        <v>10</v>
      </c>
    </row>
    <row r="49" spans="2:7" x14ac:dyDescent="0.2">
      <c r="B49" s="29"/>
      <c r="C49" s="7"/>
      <c r="D49" s="23">
        <v>100</v>
      </c>
      <c r="E49" s="24">
        <v>50</v>
      </c>
      <c r="F49" s="25">
        <v>43.3</v>
      </c>
      <c r="G49" s="26">
        <v>6.7</v>
      </c>
    </row>
    <row r="50" spans="2:7" x14ac:dyDescent="0.2">
      <c r="B50" s="29"/>
      <c r="C50" s="2" t="s">
        <v>91</v>
      </c>
      <c r="D50" s="19">
        <v>60</v>
      </c>
      <c r="E50" s="20">
        <v>25</v>
      </c>
      <c r="F50" s="21">
        <v>27</v>
      </c>
      <c r="G50" s="22">
        <v>8</v>
      </c>
    </row>
    <row r="51" spans="2:7" x14ac:dyDescent="0.2">
      <c r="B51" s="29"/>
      <c r="C51" s="10"/>
      <c r="D51" s="23">
        <v>100</v>
      </c>
      <c r="E51" s="24">
        <v>41.7</v>
      </c>
      <c r="F51" s="25">
        <v>45</v>
      </c>
      <c r="G51" s="26">
        <v>13.3</v>
      </c>
    </row>
    <row r="52" spans="2:7" x14ac:dyDescent="0.2">
      <c r="B52" s="28" t="s">
        <v>33</v>
      </c>
      <c r="C52" s="9" t="s">
        <v>12</v>
      </c>
      <c r="D52" s="11">
        <v>1241</v>
      </c>
      <c r="E52" s="12">
        <v>562</v>
      </c>
      <c r="F52" s="13">
        <v>630</v>
      </c>
      <c r="G52" s="14">
        <v>49</v>
      </c>
    </row>
    <row r="53" spans="2:7" x14ac:dyDescent="0.2">
      <c r="B53" s="29"/>
      <c r="C53" s="8"/>
      <c r="D53" s="15">
        <v>100</v>
      </c>
      <c r="E53" s="16">
        <v>45.3</v>
      </c>
      <c r="F53" s="17">
        <v>50.8</v>
      </c>
      <c r="G53" s="18">
        <v>3.9</v>
      </c>
    </row>
    <row r="54" spans="2:7" x14ac:dyDescent="0.2">
      <c r="B54" s="29"/>
      <c r="C54" s="2" t="s">
        <v>57</v>
      </c>
      <c r="D54" s="19">
        <v>2</v>
      </c>
      <c r="E54" s="20">
        <v>1</v>
      </c>
      <c r="F54" s="21">
        <v>1</v>
      </c>
      <c r="G54" s="22" t="s">
        <v>152</v>
      </c>
    </row>
    <row r="55" spans="2:7" x14ac:dyDescent="0.2">
      <c r="B55" s="29"/>
      <c r="C55" s="7"/>
      <c r="D55" s="23">
        <v>100</v>
      </c>
      <c r="E55" s="24">
        <v>50</v>
      </c>
      <c r="F55" s="25">
        <v>50</v>
      </c>
      <c r="G55" s="26" t="s">
        <v>152</v>
      </c>
    </row>
    <row r="56" spans="2:7" x14ac:dyDescent="0.2">
      <c r="B56" s="29"/>
      <c r="C56" s="2" t="s">
        <v>63</v>
      </c>
      <c r="D56" s="19">
        <v>20</v>
      </c>
      <c r="E56" s="20">
        <v>7</v>
      </c>
      <c r="F56" s="21">
        <v>13</v>
      </c>
      <c r="G56" s="22" t="s">
        <v>152</v>
      </c>
    </row>
    <row r="57" spans="2:7" x14ac:dyDescent="0.2">
      <c r="B57" s="29"/>
      <c r="C57" s="7"/>
      <c r="D57" s="23">
        <v>100</v>
      </c>
      <c r="E57" s="24">
        <v>35</v>
      </c>
      <c r="F57" s="25">
        <v>65</v>
      </c>
      <c r="G57" s="26" t="s">
        <v>152</v>
      </c>
    </row>
    <row r="58" spans="2:7" x14ac:dyDescent="0.2">
      <c r="B58" s="29"/>
      <c r="C58" s="2" t="s">
        <v>148</v>
      </c>
      <c r="D58" s="19">
        <v>22</v>
      </c>
      <c r="E58" s="20">
        <v>8</v>
      </c>
      <c r="F58" s="21">
        <v>14</v>
      </c>
      <c r="G58" s="22" t="s">
        <v>152</v>
      </c>
    </row>
    <row r="59" spans="2:7" x14ac:dyDescent="0.2">
      <c r="B59" s="29"/>
      <c r="C59" s="7"/>
      <c r="D59" s="23">
        <v>100</v>
      </c>
      <c r="E59" s="24">
        <v>36.363636363636367</v>
      </c>
      <c r="F59" s="25">
        <v>63.636363636363633</v>
      </c>
      <c r="G59" s="26" t="s">
        <v>152</v>
      </c>
    </row>
    <row r="60" spans="2:7" x14ac:dyDescent="0.2">
      <c r="B60" s="29"/>
      <c r="C60" s="2" t="s">
        <v>64</v>
      </c>
      <c r="D60" s="19">
        <v>51</v>
      </c>
      <c r="E60" s="20">
        <v>24</v>
      </c>
      <c r="F60" s="21">
        <v>27</v>
      </c>
      <c r="G60" s="22" t="s">
        <v>152</v>
      </c>
    </row>
    <row r="61" spans="2:7" x14ac:dyDescent="0.2">
      <c r="B61" s="29"/>
      <c r="C61" s="7"/>
      <c r="D61" s="23">
        <v>100</v>
      </c>
      <c r="E61" s="24">
        <v>47.1</v>
      </c>
      <c r="F61" s="25">
        <v>52.9</v>
      </c>
      <c r="G61" s="26" t="s">
        <v>152</v>
      </c>
    </row>
    <row r="62" spans="2:7" x14ac:dyDescent="0.2">
      <c r="B62" s="29"/>
      <c r="C62" s="2" t="s">
        <v>65</v>
      </c>
      <c r="D62" s="19">
        <v>88</v>
      </c>
      <c r="E62" s="20">
        <v>36</v>
      </c>
      <c r="F62" s="21">
        <v>52</v>
      </c>
      <c r="G62" s="22" t="s">
        <v>152</v>
      </c>
    </row>
    <row r="63" spans="2:7" x14ac:dyDescent="0.2">
      <c r="B63" s="29"/>
      <c r="C63" s="7"/>
      <c r="D63" s="23">
        <v>100</v>
      </c>
      <c r="E63" s="24">
        <v>40.9</v>
      </c>
      <c r="F63" s="25">
        <v>59.1</v>
      </c>
      <c r="G63" s="26" t="s">
        <v>152</v>
      </c>
    </row>
    <row r="64" spans="2:7" x14ac:dyDescent="0.2">
      <c r="B64" s="29"/>
      <c r="C64" s="2" t="s">
        <v>66</v>
      </c>
      <c r="D64" s="19">
        <v>146</v>
      </c>
      <c r="E64" s="20">
        <v>69</v>
      </c>
      <c r="F64" s="21">
        <v>74</v>
      </c>
      <c r="G64" s="22">
        <v>3</v>
      </c>
    </row>
    <row r="65" spans="2:7" x14ac:dyDescent="0.2">
      <c r="B65" s="29"/>
      <c r="C65" s="7"/>
      <c r="D65" s="23">
        <v>100</v>
      </c>
      <c r="E65" s="24">
        <v>47.3</v>
      </c>
      <c r="F65" s="25">
        <v>50.7</v>
      </c>
      <c r="G65" s="26">
        <v>2.1</v>
      </c>
    </row>
    <row r="66" spans="2:7" x14ac:dyDescent="0.2">
      <c r="B66" s="29"/>
      <c r="C66" s="2" t="s">
        <v>67</v>
      </c>
      <c r="D66" s="19">
        <v>133</v>
      </c>
      <c r="E66" s="20">
        <v>71</v>
      </c>
      <c r="F66" s="21">
        <v>58</v>
      </c>
      <c r="G66" s="22">
        <v>4</v>
      </c>
    </row>
    <row r="67" spans="2:7" x14ac:dyDescent="0.2">
      <c r="B67" s="29"/>
      <c r="C67" s="7"/>
      <c r="D67" s="23">
        <v>100</v>
      </c>
      <c r="E67" s="24">
        <v>53.4</v>
      </c>
      <c r="F67" s="25">
        <v>43.6</v>
      </c>
      <c r="G67" s="26">
        <v>3</v>
      </c>
    </row>
    <row r="68" spans="2:7" x14ac:dyDescent="0.2">
      <c r="B68" s="29"/>
      <c r="C68" s="2" t="s">
        <v>58</v>
      </c>
      <c r="D68" s="19">
        <v>57</v>
      </c>
      <c r="E68" s="20">
        <v>36</v>
      </c>
      <c r="F68" s="21">
        <v>18</v>
      </c>
      <c r="G68" s="22">
        <v>3</v>
      </c>
    </row>
    <row r="69" spans="2:7" x14ac:dyDescent="0.2">
      <c r="B69" s="29"/>
      <c r="C69" s="7"/>
      <c r="D69" s="23">
        <v>100</v>
      </c>
      <c r="E69" s="24">
        <v>63.2</v>
      </c>
      <c r="F69" s="25">
        <v>31.6</v>
      </c>
      <c r="G69" s="26">
        <v>5.3</v>
      </c>
    </row>
    <row r="70" spans="2:7" x14ac:dyDescent="0.2">
      <c r="B70" s="29"/>
      <c r="C70" s="2" t="s">
        <v>68</v>
      </c>
      <c r="D70" s="19">
        <v>65</v>
      </c>
      <c r="E70" s="20">
        <v>33</v>
      </c>
      <c r="F70" s="21">
        <v>29</v>
      </c>
      <c r="G70" s="22">
        <v>3</v>
      </c>
    </row>
    <row r="71" spans="2:7" x14ac:dyDescent="0.2">
      <c r="B71" s="29"/>
      <c r="C71" s="7"/>
      <c r="D71" s="23">
        <v>100</v>
      </c>
      <c r="E71" s="24">
        <v>50.8</v>
      </c>
      <c r="F71" s="25">
        <v>44.6</v>
      </c>
      <c r="G71" s="26">
        <v>4.5999999999999996</v>
      </c>
    </row>
    <row r="72" spans="2:7" x14ac:dyDescent="0.2">
      <c r="B72" s="29"/>
      <c r="C72" s="2" t="s">
        <v>59</v>
      </c>
      <c r="D72" s="19">
        <v>1</v>
      </c>
      <c r="E72" s="20" t="s">
        <v>152</v>
      </c>
      <c r="F72" s="21">
        <v>1</v>
      </c>
      <c r="G72" s="22" t="s">
        <v>152</v>
      </c>
    </row>
    <row r="73" spans="2:7" x14ac:dyDescent="0.2">
      <c r="B73" s="29"/>
      <c r="C73" s="7"/>
      <c r="D73" s="23">
        <v>100</v>
      </c>
      <c r="E73" s="24" t="s">
        <v>152</v>
      </c>
      <c r="F73" s="25">
        <v>100</v>
      </c>
      <c r="G73" s="26" t="s">
        <v>152</v>
      </c>
    </row>
    <row r="74" spans="2:7" x14ac:dyDescent="0.2">
      <c r="B74" s="29"/>
      <c r="C74" s="2" t="s">
        <v>69</v>
      </c>
      <c r="D74" s="19">
        <v>29</v>
      </c>
      <c r="E74" s="20">
        <v>8</v>
      </c>
      <c r="F74" s="21">
        <v>21</v>
      </c>
      <c r="G74" s="22" t="s">
        <v>152</v>
      </c>
    </row>
    <row r="75" spans="2:7" x14ac:dyDescent="0.2">
      <c r="B75" s="29"/>
      <c r="C75" s="7"/>
      <c r="D75" s="23">
        <v>100</v>
      </c>
      <c r="E75" s="24">
        <v>27.6</v>
      </c>
      <c r="F75" s="25">
        <v>72.400000000000006</v>
      </c>
      <c r="G75" s="26" t="s">
        <v>152</v>
      </c>
    </row>
    <row r="76" spans="2:7" x14ac:dyDescent="0.2">
      <c r="B76" s="29"/>
      <c r="C76" s="2" t="s">
        <v>149</v>
      </c>
      <c r="D76" s="19">
        <v>30</v>
      </c>
      <c r="E76" s="20">
        <v>8</v>
      </c>
      <c r="F76" s="21">
        <v>22</v>
      </c>
      <c r="G76" s="22" t="s">
        <v>152</v>
      </c>
    </row>
    <row r="77" spans="2:7" x14ac:dyDescent="0.2">
      <c r="B77" s="29"/>
      <c r="C77" s="7"/>
      <c r="D77" s="23">
        <v>100</v>
      </c>
      <c r="E77" s="24">
        <v>26.666666666666668</v>
      </c>
      <c r="F77" s="25">
        <v>73.333333333333329</v>
      </c>
      <c r="G77" s="26" t="s">
        <v>152</v>
      </c>
    </row>
    <row r="78" spans="2:7" x14ac:dyDescent="0.2">
      <c r="B78" s="29"/>
      <c r="C78" s="2" t="s">
        <v>70</v>
      </c>
      <c r="D78" s="19">
        <v>64</v>
      </c>
      <c r="E78" s="20">
        <v>24</v>
      </c>
      <c r="F78" s="21">
        <v>35</v>
      </c>
      <c r="G78" s="22">
        <v>5</v>
      </c>
    </row>
    <row r="79" spans="2:7" x14ac:dyDescent="0.2">
      <c r="B79" s="29"/>
      <c r="C79" s="7"/>
      <c r="D79" s="23">
        <v>100</v>
      </c>
      <c r="E79" s="24">
        <v>37.5</v>
      </c>
      <c r="F79" s="25">
        <v>54.7</v>
      </c>
      <c r="G79" s="26">
        <v>7.8</v>
      </c>
    </row>
    <row r="80" spans="2:7" x14ac:dyDescent="0.2">
      <c r="B80" s="29"/>
      <c r="C80" s="2" t="s">
        <v>71</v>
      </c>
      <c r="D80" s="19">
        <v>112</v>
      </c>
      <c r="E80" s="20">
        <v>45</v>
      </c>
      <c r="F80" s="21">
        <v>63</v>
      </c>
      <c r="G80" s="22">
        <v>4</v>
      </c>
    </row>
    <row r="81" spans="2:7" x14ac:dyDescent="0.2">
      <c r="B81" s="29"/>
      <c r="C81" s="7"/>
      <c r="D81" s="23">
        <v>100</v>
      </c>
      <c r="E81" s="24">
        <v>40.200000000000003</v>
      </c>
      <c r="F81" s="25">
        <v>56.3</v>
      </c>
      <c r="G81" s="26">
        <v>3.6</v>
      </c>
    </row>
    <row r="82" spans="2:7" x14ac:dyDescent="0.2">
      <c r="B82" s="29"/>
      <c r="C82" s="2" t="s">
        <v>72</v>
      </c>
      <c r="D82" s="19">
        <v>137</v>
      </c>
      <c r="E82" s="20">
        <v>55</v>
      </c>
      <c r="F82" s="21">
        <v>79</v>
      </c>
      <c r="G82" s="22">
        <v>3</v>
      </c>
    </row>
    <row r="83" spans="2:7" x14ac:dyDescent="0.2">
      <c r="B83" s="29"/>
      <c r="C83" s="7"/>
      <c r="D83" s="23">
        <v>100</v>
      </c>
      <c r="E83" s="24">
        <v>40.1</v>
      </c>
      <c r="F83" s="25">
        <v>57.7</v>
      </c>
      <c r="G83" s="26">
        <v>2.2000000000000002</v>
      </c>
    </row>
    <row r="84" spans="2:7" x14ac:dyDescent="0.2">
      <c r="B84" s="29"/>
      <c r="C84" s="2" t="s">
        <v>73</v>
      </c>
      <c r="D84" s="19">
        <v>112</v>
      </c>
      <c r="E84" s="20">
        <v>49</v>
      </c>
      <c r="F84" s="21">
        <v>60</v>
      </c>
      <c r="G84" s="22">
        <v>3</v>
      </c>
    </row>
    <row r="85" spans="2:7" x14ac:dyDescent="0.2">
      <c r="B85" s="29"/>
      <c r="C85" s="7"/>
      <c r="D85" s="23">
        <v>100</v>
      </c>
      <c r="E85" s="24">
        <v>43.8</v>
      </c>
      <c r="F85" s="25">
        <v>53.6</v>
      </c>
      <c r="G85" s="26">
        <v>2.7</v>
      </c>
    </row>
    <row r="86" spans="2:7" x14ac:dyDescent="0.2">
      <c r="B86" s="29"/>
      <c r="C86" s="2" t="s">
        <v>60</v>
      </c>
      <c r="D86" s="19">
        <v>66</v>
      </c>
      <c r="E86" s="20">
        <v>34</v>
      </c>
      <c r="F86" s="21">
        <v>26</v>
      </c>
      <c r="G86" s="22">
        <v>6</v>
      </c>
    </row>
    <row r="87" spans="2:7" x14ac:dyDescent="0.2">
      <c r="B87" s="29"/>
      <c r="C87" s="7"/>
      <c r="D87" s="23">
        <v>100</v>
      </c>
      <c r="E87" s="24">
        <v>51.5</v>
      </c>
      <c r="F87" s="25">
        <v>39.4</v>
      </c>
      <c r="G87" s="26">
        <v>9.1</v>
      </c>
    </row>
    <row r="88" spans="2:7" x14ac:dyDescent="0.2">
      <c r="B88" s="29"/>
      <c r="C88" s="2" t="s">
        <v>74</v>
      </c>
      <c r="D88" s="19">
        <v>83</v>
      </c>
      <c r="E88" s="20">
        <v>41</v>
      </c>
      <c r="F88" s="21">
        <v>35</v>
      </c>
      <c r="G88" s="22">
        <v>7</v>
      </c>
    </row>
    <row r="89" spans="2:7" x14ac:dyDescent="0.2">
      <c r="B89" s="29"/>
      <c r="C89" s="7"/>
      <c r="D89" s="23">
        <v>100</v>
      </c>
      <c r="E89" s="24">
        <v>49.4</v>
      </c>
      <c r="F89" s="25">
        <v>42.2</v>
      </c>
      <c r="G89" s="26">
        <v>8.4</v>
      </c>
    </row>
    <row r="90" spans="2:7" x14ac:dyDescent="0.2">
      <c r="B90" s="29"/>
      <c r="C90" s="2" t="s">
        <v>0</v>
      </c>
      <c r="D90" s="19">
        <v>75</v>
      </c>
      <c r="E90" s="20">
        <v>29</v>
      </c>
      <c r="F90" s="21">
        <v>38</v>
      </c>
      <c r="G90" s="22">
        <v>8</v>
      </c>
    </row>
    <row r="91" spans="2:7" x14ac:dyDescent="0.2">
      <c r="B91" s="29"/>
      <c r="C91" s="7"/>
      <c r="D91" s="23">
        <v>100</v>
      </c>
      <c r="E91" s="24">
        <v>38.700000000000003</v>
      </c>
      <c r="F91" s="25">
        <v>50.7</v>
      </c>
      <c r="G91" s="26">
        <v>10.7</v>
      </c>
    </row>
    <row r="92" spans="2:7" x14ac:dyDescent="0.2">
      <c r="B92" s="28" t="s">
        <v>32</v>
      </c>
      <c r="C92" s="9" t="s">
        <v>12</v>
      </c>
      <c r="D92" s="11">
        <v>1241</v>
      </c>
      <c r="E92" s="12">
        <v>562</v>
      </c>
      <c r="F92" s="13">
        <v>630</v>
      </c>
      <c r="G92" s="14">
        <v>49</v>
      </c>
    </row>
    <row r="93" spans="2:7" x14ac:dyDescent="0.2">
      <c r="B93" s="29"/>
      <c r="C93" s="8"/>
      <c r="D93" s="15">
        <v>100</v>
      </c>
      <c r="E93" s="16">
        <v>45.3</v>
      </c>
      <c r="F93" s="17">
        <v>50.8</v>
      </c>
      <c r="G93" s="18">
        <v>3.9</v>
      </c>
    </row>
    <row r="94" spans="2:7" x14ac:dyDescent="0.2">
      <c r="B94" s="29"/>
      <c r="C94" s="2" t="s">
        <v>21</v>
      </c>
      <c r="D94" s="19">
        <v>65</v>
      </c>
      <c r="E94" s="20">
        <v>27</v>
      </c>
      <c r="F94" s="21">
        <v>35</v>
      </c>
      <c r="G94" s="22">
        <v>3</v>
      </c>
    </row>
    <row r="95" spans="2:7" x14ac:dyDescent="0.2">
      <c r="B95" s="29"/>
      <c r="C95" s="7"/>
      <c r="D95" s="23">
        <v>100</v>
      </c>
      <c r="E95" s="24">
        <v>41.5</v>
      </c>
      <c r="F95" s="25">
        <v>53.8</v>
      </c>
      <c r="G95" s="26">
        <v>4.5999999999999996</v>
      </c>
    </row>
    <row r="96" spans="2:7" x14ac:dyDescent="0.2">
      <c r="B96" s="29"/>
      <c r="C96" s="2" t="s">
        <v>20</v>
      </c>
      <c r="D96" s="19">
        <v>7</v>
      </c>
      <c r="E96" s="20">
        <v>2</v>
      </c>
      <c r="F96" s="21">
        <v>4</v>
      </c>
      <c r="G96" s="22">
        <v>1</v>
      </c>
    </row>
    <row r="97" spans="2:7" x14ac:dyDescent="0.2">
      <c r="B97" s="29"/>
      <c r="C97" s="7"/>
      <c r="D97" s="23">
        <v>100</v>
      </c>
      <c r="E97" s="24">
        <v>28.6</v>
      </c>
      <c r="F97" s="25">
        <v>57.1</v>
      </c>
      <c r="G97" s="26">
        <v>14.3</v>
      </c>
    </row>
    <row r="98" spans="2:7" x14ac:dyDescent="0.2">
      <c r="B98" s="29"/>
      <c r="C98" s="2" t="s">
        <v>19</v>
      </c>
      <c r="D98" s="19">
        <v>484</v>
      </c>
      <c r="E98" s="20">
        <v>221</v>
      </c>
      <c r="F98" s="21">
        <v>254</v>
      </c>
      <c r="G98" s="22">
        <v>9</v>
      </c>
    </row>
    <row r="99" spans="2:7" x14ac:dyDescent="0.2">
      <c r="B99" s="29"/>
      <c r="C99" s="7"/>
      <c r="D99" s="23">
        <v>100</v>
      </c>
      <c r="E99" s="24">
        <v>45.7</v>
      </c>
      <c r="F99" s="25">
        <v>52.5</v>
      </c>
      <c r="G99" s="26">
        <v>1.9</v>
      </c>
    </row>
    <row r="100" spans="2:7" x14ac:dyDescent="0.2">
      <c r="B100" s="29"/>
      <c r="C100" s="2" t="s">
        <v>18</v>
      </c>
      <c r="D100" s="19">
        <v>195</v>
      </c>
      <c r="E100" s="20">
        <v>76</v>
      </c>
      <c r="F100" s="21">
        <v>111</v>
      </c>
      <c r="G100" s="22">
        <v>8</v>
      </c>
    </row>
    <row r="101" spans="2:7" x14ac:dyDescent="0.2">
      <c r="B101" s="29"/>
      <c r="C101" s="7"/>
      <c r="D101" s="23">
        <v>100</v>
      </c>
      <c r="E101" s="24">
        <v>39</v>
      </c>
      <c r="F101" s="25">
        <v>56.9</v>
      </c>
      <c r="G101" s="26">
        <v>4.0999999999999996</v>
      </c>
    </row>
    <row r="102" spans="2:7" x14ac:dyDescent="0.2">
      <c r="B102" s="29"/>
      <c r="C102" s="2" t="s">
        <v>17</v>
      </c>
      <c r="D102" s="19">
        <v>1</v>
      </c>
      <c r="E102" s="20" t="s">
        <v>152</v>
      </c>
      <c r="F102" s="21">
        <v>1</v>
      </c>
      <c r="G102" s="22" t="s">
        <v>152</v>
      </c>
    </row>
    <row r="103" spans="2:7" x14ac:dyDescent="0.2">
      <c r="B103" s="29"/>
      <c r="C103" s="7"/>
      <c r="D103" s="23">
        <v>100</v>
      </c>
      <c r="E103" s="24" t="s">
        <v>152</v>
      </c>
      <c r="F103" s="25">
        <v>100</v>
      </c>
      <c r="G103" s="26" t="s">
        <v>152</v>
      </c>
    </row>
    <row r="104" spans="2:7" x14ac:dyDescent="0.2">
      <c r="B104" s="29"/>
      <c r="C104" s="2" t="s">
        <v>151</v>
      </c>
      <c r="D104" s="19">
        <v>178</v>
      </c>
      <c r="E104" s="20">
        <v>86</v>
      </c>
      <c r="F104" s="21">
        <v>82</v>
      </c>
      <c r="G104" s="22">
        <v>10</v>
      </c>
    </row>
    <row r="105" spans="2:7" x14ac:dyDescent="0.2">
      <c r="B105" s="29"/>
      <c r="C105" s="7"/>
      <c r="D105" s="23">
        <v>100</v>
      </c>
      <c r="E105" s="24">
        <v>48.3</v>
      </c>
      <c r="F105" s="25">
        <v>46.1</v>
      </c>
      <c r="G105" s="26">
        <v>5.6</v>
      </c>
    </row>
    <row r="106" spans="2:7" x14ac:dyDescent="0.2">
      <c r="B106" s="29"/>
      <c r="C106" s="2" t="s">
        <v>16</v>
      </c>
      <c r="D106" s="19">
        <v>10</v>
      </c>
      <c r="E106" s="20">
        <v>5</v>
      </c>
      <c r="F106" s="21">
        <v>5</v>
      </c>
      <c r="G106" s="22" t="s">
        <v>152</v>
      </c>
    </row>
    <row r="107" spans="2:7" x14ac:dyDescent="0.2">
      <c r="B107" s="29"/>
      <c r="C107" s="7"/>
      <c r="D107" s="23">
        <v>100</v>
      </c>
      <c r="E107" s="24">
        <v>50</v>
      </c>
      <c r="F107" s="25">
        <v>50</v>
      </c>
      <c r="G107" s="26" t="s">
        <v>152</v>
      </c>
    </row>
    <row r="108" spans="2:7" x14ac:dyDescent="0.2">
      <c r="B108" s="29"/>
      <c r="C108" s="2" t="s">
        <v>15</v>
      </c>
      <c r="D108" s="19">
        <v>211</v>
      </c>
      <c r="E108" s="20">
        <v>103</v>
      </c>
      <c r="F108" s="21">
        <v>98</v>
      </c>
      <c r="G108" s="22">
        <v>10</v>
      </c>
    </row>
    <row r="109" spans="2:7" x14ac:dyDescent="0.2">
      <c r="B109" s="29"/>
      <c r="C109" s="7"/>
      <c r="D109" s="23">
        <v>100</v>
      </c>
      <c r="E109" s="24">
        <v>48.8</v>
      </c>
      <c r="F109" s="25">
        <v>46.4</v>
      </c>
      <c r="G109" s="26">
        <v>4.7</v>
      </c>
    </row>
    <row r="110" spans="2:7" x14ac:dyDescent="0.2">
      <c r="B110" s="29"/>
      <c r="C110" s="2" t="s">
        <v>14</v>
      </c>
      <c r="D110" s="19">
        <v>12</v>
      </c>
      <c r="E110" s="20">
        <v>6</v>
      </c>
      <c r="F110" s="21">
        <v>6</v>
      </c>
      <c r="G110" s="22" t="s">
        <v>152</v>
      </c>
    </row>
    <row r="111" spans="2:7" x14ac:dyDescent="0.2">
      <c r="B111" s="29"/>
      <c r="C111" s="7"/>
      <c r="D111" s="23">
        <v>100</v>
      </c>
      <c r="E111" s="24">
        <v>50</v>
      </c>
      <c r="F111" s="25">
        <v>50</v>
      </c>
      <c r="G111" s="26" t="s">
        <v>152</v>
      </c>
    </row>
    <row r="112" spans="2:7" x14ac:dyDescent="0.2">
      <c r="B112" s="29"/>
      <c r="C112" s="2" t="s">
        <v>13</v>
      </c>
      <c r="D112" s="19">
        <v>78</v>
      </c>
      <c r="E112" s="20">
        <v>36</v>
      </c>
      <c r="F112" s="21">
        <v>34</v>
      </c>
      <c r="G112" s="22">
        <v>8</v>
      </c>
    </row>
    <row r="113" spans="2:7" x14ac:dyDescent="0.2">
      <c r="B113" s="30"/>
      <c r="C113" s="10"/>
      <c r="D113" s="15">
        <v>100</v>
      </c>
      <c r="E113" s="16">
        <v>46.2</v>
      </c>
      <c r="F113" s="17">
        <v>43.6</v>
      </c>
      <c r="G113" s="18">
        <v>10.3</v>
      </c>
    </row>
    <row r="114" spans="2:7" x14ac:dyDescent="0.2">
      <c r="B114" s="28" t="s">
        <v>31</v>
      </c>
      <c r="C114" s="9" t="s">
        <v>12</v>
      </c>
      <c r="D114" s="11">
        <v>752</v>
      </c>
      <c r="E114" s="12">
        <v>326</v>
      </c>
      <c r="F114" s="13">
        <v>405</v>
      </c>
      <c r="G114" s="14">
        <v>21</v>
      </c>
    </row>
    <row r="115" spans="2:7" x14ac:dyDescent="0.2">
      <c r="B115" s="29"/>
      <c r="C115" s="8"/>
      <c r="D115" s="15">
        <v>100</v>
      </c>
      <c r="E115" s="16">
        <v>43.4</v>
      </c>
      <c r="F115" s="17">
        <v>53.9</v>
      </c>
      <c r="G115" s="18">
        <v>2.8</v>
      </c>
    </row>
    <row r="116" spans="2:7" x14ac:dyDescent="0.2">
      <c r="B116" s="29"/>
      <c r="C116" s="2" t="s">
        <v>11</v>
      </c>
      <c r="D116" s="19">
        <v>2</v>
      </c>
      <c r="E116" s="20">
        <v>1</v>
      </c>
      <c r="F116" s="21" t="s">
        <v>152</v>
      </c>
      <c r="G116" s="22">
        <v>1</v>
      </c>
    </row>
    <row r="117" spans="2:7" x14ac:dyDescent="0.2">
      <c r="B117" s="29"/>
      <c r="C117" s="7"/>
      <c r="D117" s="23">
        <v>100</v>
      </c>
      <c r="E117" s="24">
        <v>50</v>
      </c>
      <c r="F117" s="25" t="s">
        <v>152</v>
      </c>
      <c r="G117" s="26">
        <v>50</v>
      </c>
    </row>
    <row r="118" spans="2:7" x14ac:dyDescent="0.2">
      <c r="B118" s="29"/>
      <c r="C118" s="2" t="s">
        <v>10</v>
      </c>
      <c r="D118" s="19">
        <v>32</v>
      </c>
      <c r="E118" s="20">
        <v>13</v>
      </c>
      <c r="F118" s="21">
        <v>18</v>
      </c>
      <c r="G118" s="22">
        <v>1</v>
      </c>
    </row>
    <row r="119" spans="2:7" x14ac:dyDescent="0.2">
      <c r="B119" s="29"/>
      <c r="C119" s="7"/>
      <c r="D119" s="23">
        <v>100</v>
      </c>
      <c r="E119" s="24">
        <v>40.6</v>
      </c>
      <c r="F119" s="25">
        <v>56.3</v>
      </c>
      <c r="G119" s="26">
        <v>3.1</v>
      </c>
    </row>
    <row r="120" spans="2:7" x14ac:dyDescent="0.2">
      <c r="B120" s="29"/>
      <c r="C120" s="2" t="s">
        <v>9</v>
      </c>
      <c r="D120" s="19">
        <v>33</v>
      </c>
      <c r="E120" s="20">
        <v>13</v>
      </c>
      <c r="F120" s="21">
        <v>19</v>
      </c>
      <c r="G120" s="22">
        <v>1</v>
      </c>
    </row>
    <row r="121" spans="2:7" x14ac:dyDescent="0.2">
      <c r="B121" s="29"/>
      <c r="C121" s="7"/>
      <c r="D121" s="23">
        <v>100</v>
      </c>
      <c r="E121" s="24">
        <v>39.4</v>
      </c>
      <c r="F121" s="25">
        <v>57.6</v>
      </c>
      <c r="G121" s="26">
        <v>3</v>
      </c>
    </row>
    <row r="122" spans="2:7" x14ac:dyDescent="0.2">
      <c r="B122" s="29"/>
      <c r="C122" s="2" t="s">
        <v>8</v>
      </c>
      <c r="D122" s="19">
        <v>71</v>
      </c>
      <c r="E122" s="20">
        <v>40</v>
      </c>
      <c r="F122" s="21">
        <v>30</v>
      </c>
      <c r="G122" s="22">
        <v>1</v>
      </c>
    </row>
    <row r="123" spans="2:7" x14ac:dyDescent="0.2">
      <c r="B123" s="29"/>
      <c r="C123" s="7"/>
      <c r="D123" s="23">
        <v>100</v>
      </c>
      <c r="E123" s="24">
        <v>56.3</v>
      </c>
      <c r="F123" s="25">
        <v>42.3</v>
      </c>
      <c r="G123" s="26">
        <v>1.4</v>
      </c>
    </row>
    <row r="124" spans="2:7" x14ac:dyDescent="0.2">
      <c r="B124" s="29"/>
      <c r="C124" s="2" t="s">
        <v>7</v>
      </c>
      <c r="D124" s="19">
        <v>152</v>
      </c>
      <c r="E124" s="20">
        <v>65</v>
      </c>
      <c r="F124" s="21">
        <v>83</v>
      </c>
      <c r="G124" s="22">
        <v>4</v>
      </c>
    </row>
    <row r="125" spans="2:7" x14ac:dyDescent="0.2">
      <c r="B125" s="29"/>
      <c r="C125" s="7"/>
      <c r="D125" s="23">
        <v>100</v>
      </c>
      <c r="E125" s="24">
        <v>42.8</v>
      </c>
      <c r="F125" s="25">
        <v>54.6</v>
      </c>
      <c r="G125" s="26">
        <v>2.6</v>
      </c>
    </row>
    <row r="126" spans="2:7" x14ac:dyDescent="0.2">
      <c r="B126" s="29"/>
      <c r="C126" s="2" t="s">
        <v>6</v>
      </c>
      <c r="D126" s="19">
        <v>176</v>
      </c>
      <c r="E126" s="20">
        <v>88</v>
      </c>
      <c r="F126" s="21">
        <v>87</v>
      </c>
      <c r="G126" s="22">
        <v>1</v>
      </c>
    </row>
    <row r="127" spans="2:7" x14ac:dyDescent="0.2">
      <c r="B127" s="29"/>
      <c r="C127" s="7"/>
      <c r="D127" s="23">
        <v>100</v>
      </c>
      <c r="E127" s="24">
        <v>50</v>
      </c>
      <c r="F127" s="25">
        <v>49.4</v>
      </c>
      <c r="G127" s="26">
        <v>0.6</v>
      </c>
    </row>
    <row r="128" spans="2:7" x14ac:dyDescent="0.2">
      <c r="B128" s="29"/>
      <c r="C128" s="2" t="s">
        <v>5</v>
      </c>
      <c r="D128" s="19">
        <v>37</v>
      </c>
      <c r="E128" s="20">
        <v>13</v>
      </c>
      <c r="F128" s="21">
        <v>21</v>
      </c>
      <c r="G128" s="22">
        <v>3</v>
      </c>
    </row>
    <row r="129" spans="2:7" x14ac:dyDescent="0.2">
      <c r="B129" s="29"/>
      <c r="C129" s="7"/>
      <c r="D129" s="23">
        <v>100</v>
      </c>
      <c r="E129" s="24">
        <v>35.1</v>
      </c>
      <c r="F129" s="25">
        <v>56.8</v>
      </c>
      <c r="G129" s="26">
        <v>8.1</v>
      </c>
    </row>
    <row r="130" spans="2:7" x14ac:dyDescent="0.2">
      <c r="B130" s="29"/>
      <c r="C130" s="2" t="s">
        <v>4</v>
      </c>
      <c r="D130" s="19">
        <v>67</v>
      </c>
      <c r="E130" s="20">
        <v>27</v>
      </c>
      <c r="F130" s="21">
        <v>39</v>
      </c>
      <c r="G130" s="22">
        <v>1</v>
      </c>
    </row>
    <row r="131" spans="2:7" x14ac:dyDescent="0.2">
      <c r="B131" s="29"/>
      <c r="C131" s="7"/>
      <c r="D131" s="23">
        <v>100</v>
      </c>
      <c r="E131" s="24">
        <v>40.299999999999997</v>
      </c>
      <c r="F131" s="25">
        <v>58.2</v>
      </c>
      <c r="G131" s="26">
        <v>1.5</v>
      </c>
    </row>
    <row r="132" spans="2:7" x14ac:dyDescent="0.2">
      <c r="B132" s="29"/>
      <c r="C132" s="2" t="s">
        <v>3</v>
      </c>
      <c r="D132" s="19">
        <v>159</v>
      </c>
      <c r="E132" s="20">
        <v>58</v>
      </c>
      <c r="F132" s="21">
        <v>95</v>
      </c>
      <c r="G132" s="22">
        <v>6</v>
      </c>
    </row>
    <row r="133" spans="2:7" x14ac:dyDescent="0.2">
      <c r="B133" s="29"/>
      <c r="C133" s="7"/>
      <c r="D133" s="23">
        <v>100</v>
      </c>
      <c r="E133" s="24">
        <v>36.5</v>
      </c>
      <c r="F133" s="25">
        <v>59.7</v>
      </c>
      <c r="G133" s="26">
        <v>3.8</v>
      </c>
    </row>
    <row r="134" spans="2:7" x14ac:dyDescent="0.2">
      <c r="B134" s="29"/>
      <c r="C134" s="2" t="s">
        <v>2</v>
      </c>
      <c r="D134" s="19">
        <v>23</v>
      </c>
      <c r="E134" s="20">
        <v>8</v>
      </c>
      <c r="F134" s="21">
        <v>13</v>
      </c>
      <c r="G134" s="22">
        <v>2</v>
      </c>
    </row>
    <row r="135" spans="2:7" x14ac:dyDescent="0.2">
      <c r="B135" s="30"/>
      <c r="C135" s="10"/>
      <c r="D135" s="15">
        <v>100</v>
      </c>
      <c r="E135" s="16">
        <v>34.799999999999997</v>
      </c>
      <c r="F135" s="17">
        <v>56.5</v>
      </c>
      <c r="G135" s="18">
        <v>8.699999999999999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71</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631</v>
      </c>
      <c r="F4" s="13">
        <v>550</v>
      </c>
      <c r="G4" s="14">
        <v>60</v>
      </c>
    </row>
    <row r="5" spans="2:7" x14ac:dyDescent="0.2">
      <c r="B5" s="29"/>
      <c r="C5" s="8"/>
      <c r="D5" s="15">
        <v>100</v>
      </c>
      <c r="E5" s="16">
        <v>50.8</v>
      </c>
      <c r="F5" s="17">
        <v>44.3</v>
      </c>
      <c r="G5" s="18">
        <v>4.8</v>
      </c>
    </row>
    <row r="6" spans="2:7" x14ac:dyDescent="0.2">
      <c r="B6" s="29"/>
      <c r="C6" s="2" t="s">
        <v>52</v>
      </c>
      <c r="D6" s="19">
        <v>557</v>
      </c>
      <c r="E6" s="20">
        <v>305</v>
      </c>
      <c r="F6" s="21">
        <v>224</v>
      </c>
      <c r="G6" s="22">
        <v>28</v>
      </c>
    </row>
    <row r="7" spans="2:7" x14ac:dyDescent="0.2">
      <c r="B7" s="29"/>
      <c r="C7" s="7"/>
      <c r="D7" s="23">
        <v>100</v>
      </c>
      <c r="E7" s="24">
        <v>54.8</v>
      </c>
      <c r="F7" s="25">
        <v>40.200000000000003</v>
      </c>
      <c r="G7" s="26">
        <v>5</v>
      </c>
    </row>
    <row r="8" spans="2:7" x14ac:dyDescent="0.2">
      <c r="B8" s="29"/>
      <c r="C8" s="2" t="s">
        <v>51</v>
      </c>
      <c r="D8" s="19">
        <v>595</v>
      </c>
      <c r="E8" s="20">
        <v>278</v>
      </c>
      <c r="F8" s="21">
        <v>295</v>
      </c>
      <c r="G8" s="22">
        <v>22</v>
      </c>
    </row>
    <row r="9" spans="2:7" x14ac:dyDescent="0.2">
      <c r="B9" s="29"/>
      <c r="C9" s="7"/>
      <c r="D9" s="23">
        <v>100</v>
      </c>
      <c r="E9" s="24">
        <v>46.7</v>
      </c>
      <c r="F9" s="25">
        <v>49.6</v>
      </c>
      <c r="G9" s="26">
        <v>3.7</v>
      </c>
    </row>
    <row r="10" spans="2:7" x14ac:dyDescent="0.2">
      <c r="B10" s="29"/>
      <c r="C10" s="2" t="s">
        <v>13</v>
      </c>
      <c r="D10" s="19">
        <v>89</v>
      </c>
      <c r="E10" s="20">
        <v>48</v>
      </c>
      <c r="F10" s="21">
        <v>31</v>
      </c>
      <c r="G10" s="22">
        <v>10</v>
      </c>
    </row>
    <row r="11" spans="2:7" x14ac:dyDescent="0.2">
      <c r="B11" s="30"/>
      <c r="C11" s="10"/>
      <c r="D11" s="15">
        <v>100</v>
      </c>
      <c r="E11" s="16">
        <v>53.9</v>
      </c>
      <c r="F11" s="17">
        <v>34.799999999999997</v>
      </c>
      <c r="G11" s="18">
        <v>11.2</v>
      </c>
    </row>
    <row r="12" spans="2:7" x14ac:dyDescent="0.2">
      <c r="B12" s="28" t="s">
        <v>54</v>
      </c>
      <c r="C12" s="9" t="s">
        <v>12</v>
      </c>
      <c r="D12" s="11">
        <v>1241</v>
      </c>
      <c r="E12" s="12">
        <v>631</v>
      </c>
      <c r="F12" s="13">
        <v>550</v>
      </c>
      <c r="G12" s="14">
        <v>60</v>
      </c>
    </row>
    <row r="13" spans="2:7" x14ac:dyDescent="0.2">
      <c r="B13" s="29"/>
      <c r="C13" s="8"/>
      <c r="D13" s="15">
        <v>100</v>
      </c>
      <c r="E13" s="16">
        <v>50.8</v>
      </c>
      <c r="F13" s="17">
        <v>44.3</v>
      </c>
      <c r="G13" s="18">
        <v>4.8</v>
      </c>
    </row>
    <row r="14" spans="2:7" x14ac:dyDescent="0.2">
      <c r="B14" s="29"/>
      <c r="C14" s="2" t="s">
        <v>50</v>
      </c>
      <c r="D14" s="19">
        <v>84</v>
      </c>
      <c r="E14" s="20">
        <v>31</v>
      </c>
      <c r="F14" s="21">
        <v>53</v>
      </c>
      <c r="G14" s="22" t="s">
        <v>152</v>
      </c>
    </row>
    <row r="15" spans="2:7" x14ac:dyDescent="0.2">
      <c r="B15" s="29"/>
      <c r="C15" s="7"/>
      <c r="D15" s="23">
        <v>100</v>
      </c>
      <c r="E15" s="24">
        <v>36.9</v>
      </c>
      <c r="F15" s="25">
        <v>63.1</v>
      </c>
      <c r="G15" s="26" t="s">
        <v>152</v>
      </c>
    </row>
    <row r="16" spans="2:7" x14ac:dyDescent="0.2">
      <c r="B16" s="29"/>
      <c r="C16" s="2" t="s">
        <v>49</v>
      </c>
      <c r="D16" s="19">
        <v>97</v>
      </c>
      <c r="E16" s="20">
        <v>48</v>
      </c>
      <c r="F16" s="21">
        <v>48</v>
      </c>
      <c r="G16" s="22">
        <v>1</v>
      </c>
    </row>
    <row r="17" spans="2:7" x14ac:dyDescent="0.2">
      <c r="B17" s="29"/>
      <c r="C17" s="7"/>
      <c r="D17" s="23">
        <v>100</v>
      </c>
      <c r="E17" s="24">
        <v>49.5</v>
      </c>
      <c r="F17" s="25">
        <v>49.5</v>
      </c>
      <c r="G17" s="26">
        <v>1</v>
      </c>
    </row>
    <row r="18" spans="2:7" x14ac:dyDescent="0.2">
      <c r="B18" s="29"/>
      <c r="C18" s="2" t="s">
        <v>48</v>
      </c>
      <c r="D18" s="19">
        <v>79</v>
      </c>
      <c r="E18" s="20">
        <v>40</v>
      </c>
      <c r="F18" s="21">
        <v>36</v>
      </c>
      <c r="G18" s="22">
        <v>3</v>
      </c>
    </row>
    <row r="19" spans="2:7" x14ac:dyDescent="0.2">
      <c r="B19" s="29"/>
      <c r="C19" s="7"/>
      <c r="D19" s="23">
        <v>100</v>
      </c>
      <c r="E19" s="24">
        <v>50.6</v>
      </c>
      <c r="F19" s="25">
        <v>45.6</v>
      </c>
      <c r="G19" s="26">
        <v>3.8</v>
      </c>
    </row>
    <row r="20" spans="2:7" x14ac:dyDescent="0.2">
      <c r="B20" s="29"/>
      <c r="C20" s="2" t="s">
        <v>47</v>
      </c>
      <c r="D20" s="19">
        <v>72</v>
      </c>
      <c r="E20" s="20">
        <v>27</v>
      </c>
      <c r="F20" s="21">
        <v>44</v>
      </c>
      <c r="G20" s="22">
        <v>1</v>
      </c>
    </row>
    <row r="21" spans="2:7" x14ac:dyDescent="0.2">
      <c r="B21" s="29"/>
      <c r="C21" s="7"/>
      <c r="D21" s="23">
        <v>100</v>
      </c>
      <c r="E21" s="24">
        <v>37.5</v>
      </c>
      <c r="F21" s="25">
        <v>61.1</v>
      </c>
      <c r="G21" s="26">
        <v>1.4</v>
      </c>
    </row>
    <row r="22" spans="2:7" x14ac:dyDescent="0.2">
      <c r="B22" s="29"/>
      <c r="C22" s="2" t="s">
        <v>46</v>
      </c>
      <c r="D22" s="19">
        <v>15</v>
      </c>
      <c r="E22" s="20">
        <v>6</v>
      </c>
      <c r="F22" s="21">
        <v>9</v>
      </c>
      <c r="G22" s="22" t="s">
        <v>152</v>
      </c>
    </row>
    <row r="23" spans="2:7" x14ac:dyDescent="0.2">
      <c r="B23" s="29"/>
      <c r="C23" s="7"/>
      <c r="D23" s="23">
        <v>100</v>
      </c>
      <c r="E23" s="24">
        <v>40</v>
      </c>
      <c r="F23" s="25">
        <v>60</v>
      </c>
      <c r="G23" s="26" t="s">
        <v>152</v>
      </c>
    </row>
    <row r="24" spans="2:7" x14ac:dyDescent="0.2">
      <c r="B24" s="29"/>
      <c r="C24" s="2" t="s">
        <v>45</v>
      </c>
      <c r="D24" s="19">
        <v>77</v>
      </c>
      <c r="E24" s="20">
        <v>31</v>
      </c>
      <c r="F24" s="21">
        <v>42</v>
      </c>
      <c r="G24" s="22">
        <v>4</v>
      </c>
    </row>
    <row r="25" spans="2:7" x14ac:dyDescent="0.2">
      <c r="B25" s="29"/>
      <c r="C25" s="7"/>
      <c r="D25" s="23">
        <v>100</v>
      </c>
      <c r="E25" s="24">
        <v>40.299999999999997</v>
      </c>
      <c r="F25" s="25">
        <v>54.5</v>
      </c>
      <c r="G25" s="26">
        <v>5.2</v>
      </c>
    </row>
    <row r="26" spans="2:7" x14ac:dyDescent="0.2">
      <c r="B26" s="29"/>
      <c r="C26" s="2" t="s">
        <v>44</v>
      </c>
      <c r="D26" s="19">
        <v>260</v>
      </c>
      <c r="E26" s="20">
        <v>145</v>
      </c>
      <c r="F26" s="21">
        <v>99</v>
      </c>
      <c r="G26" s="22">
        <v>16</v>
      </c>
    </row>
    <row r="27" spans="2:7" x14ac:dyDescent="0.2">
      <c r="B27" s="29"/>
      <c r="C27" s="7"/>
      <c r="D27" s="23">
        <v>100</v>
      </c>
      <c r="E27" s="24">
        <v>55.8</v>
      </c>
      <c r="F27" s="25">
        <v>38.1</v>
      </c>
      <c r="G27" s="26">
        <v>6.2</v>
      </c>
    </row>
    <row r="28" spans="2:7" x14ac:dyDescent="0.2">
      <c r="B28" s="29"/>
      <c r="C28" s="2" t="s">
        <v>43</v>
      </c>
      <c r="D28" s="19">
        <v>334</v>
      </c>
      <c r="E28" s="20">
        <v>197</v>
      </c>
      <c r="F28" s="21">
        <v>116</v>
      </c>
      <c r="G28" s="22">
        <v>21</v>
      </c>
    </row>
    <row r="29" spans="2:7" x14ac:dyDescent="0.2">
      <c r="B29" s="29"/>
      <c r="C29" s="7"/>
      <c r="D29" s="23">
        <v>100</v>
      </c>
      <c r="E29" s="24">
        <v>59</v>
      </c>
      <c r="F29" s="25">
        <v>34.700000000000003</v>
      </c>
      <c r="G29" s="26">
        <v>6.3</v>
      </c>
    </row>
    <row r="30" spans="2:7" x14ac:dyDescent="0.2">
      <c r="B30" s="29"/>
      <c r="C30" s="2" t="s">
        <v>14</v>
      </c>
      <c r="D30" s="19">
        <v>28</v>
      </c>
      <c r="E30" s="20">
        <v>18</v>
      </c>
      <c r="F30" s="21">
        <v>9</v>
      </c>
      <c r="G30" s="22">
        <v>1</v>
      </c>
    </row>
    <row r="31" spans="2:7" x14ac:dyDescent="0.2">
      <c r="B31" s="29"/>
      <c r="C31" s="7"/>
      <c r="D31" s="23">
        <v>100</v>
      </c>
      <c r="E31" s="24">
        <v>64.3</v>
      </c>
      <c r="F31" s="25">
        <v>32.1</v>
      </c>
      <c r="G31" s="26">
        <v>3.6</v>
      </c>
    </row>
    <row r="32" spans="2:7" x14ac:dyDescent="0.2">
      <c r="B32" s="29"/>
      <c r="C32" s="2" t="s">
        <v>42</v>
      </c>
      <c r="D32" s="19">
        <v>390</v>
      </c>
      <c r="E32" s="20">
        <v>177</v>
      </c>
      <c r="F32" s="21">
        <v>199</v>
      </c>
      <c r="G32" s="22">
        <v>14</v>
      </c>
    </row>
    <row r="33" spans="2:7" x14ac:dyDescent="0.2">
      <c r="B33" s="29"/>
      <c r="C33" s="7"/>
      <c r="D33" s="23">
        <v>100</v>
      </c>
      <c r="E33" s="24">
        <v>45.4</v>
      </c>
      <c r="F33" s="25">
        <v>51</v>
      </c>
      <c r="G33" s="26">
        <v>3.6</v>
      </c>
    </row>
    <row r="34" spans="2:7" x14ac:dyDescent="0.2">
      <c r="B34" s="29"/>
      <c r="C34" s="2" t="s">
        <v>13</v>
      </c>
      <c r="D34" s="19">
        <v>70</v>
      </c>
      <c r="E34" s="20">
        <v>40</v>
      </c>
      <c r="F34" s="21">
        <v>20</v>
      </c>
      <c r="G34" s="22">
        <v>10</v>
      </c>
    </row>
    <row r="35" spans="2:7" x14ac:dyDescent="0.2">
      <c r="B35" s="30"/>
      <c r="C35" s="10"/>
      <c r="D35" s="15">
        <v>100</v>
      </c>
      <c r="E35" s="16">
        <v>57.1</v>
      </c>
      <c r="F35" s="17">
        <v>28.6</v>
      </c>
      <c r="G35" s="18">
        <v>14.3</v>
      </c>
    </row>
    <row r="36" spans="2:7" x14ac:dyDescent="0.2">
      <c r="B36" s="28" t="s">
        <v>53</v>
      </c>
      <c r="C36" s="9" t="s">
        <v>12</v>
      </c>
      <c r="D36" s="11">
        <v>1241</v>
      </c>
      <c r="E36" s="12">
        <v>631</v>
      </c>
      <c r="F36" s="13">
        <v>550</v>
      </c>
      <c r="G36" s="14">
        <v>60</v>
      </c>
    </row>
    <row r="37" spans="2:7" x14ac:dyDescent="0.2">
      <c r="B37" s="29"/>
      <c r="C37" s="8"/>
      <c r="D37" s="15">
        <v>100</v>
      </c>
      <c r="E37" s="16">
        <v>50.8</v>
      </c>
      <c r="F37" s="17">
        <v>44.3</v>
      </c>
      <c r="G37" s="18">
        <v>4.8</v>
      </c>
    </row>
    <row r="38" spans="2:7" x14ac:dyDescent="0.2">
      <c r="B38" s="29"/>
      <c r="C38" s="2" t="s">
        <v>41</v>
      </c>
      <c r="D38" s="19">
        <v>799</v>
      </c>
      <c r="E38" s="20">
        <v>364</v>
      </c>
      <c r="F38" s="21">
        <v>410</v>
      </c>
      <c r="G38" s="22">
        <v>25</v>
      </c>
    </row>
    <row r="39" spans="2:7" x14ac:dyDescent="0.2">
      <c r="B39" s="29"/>
      <c r="C39" s="7"/>
      <c r="D39" s="23">
        <v>100</v>
      </c>
      <c r="E39" s="24">
        <v>45.6</v>
      </c>
      <c r="F39" s="25">
        <v>51.3</v>
      </c>
      <c r="G39" s="26">
        <v>3.1</v>
      </c>
    </row>
    <row r="40" spans="2:7" x14ac:dyDescent="0.2">
      <c r="B40" s="29"/>
      <c r="C40" s="2" t="s">
        <v>40</v>
      </c>
      <c r="D40" s="19">
        <v>182</v>
      </c>
      <c r="E40" s="20">
        <v>97</v>
      </c>
      <c r="F40" s="21">
        <v>75</v>
      </c>
      <c r="G40" s="22">
        <v>10</v>
      </c>
    </row>
    <row r="41" spans="2:7" x14ac:dyDescent="0.2">
      <c r="B41" s="29"/>
      <c r="C41" s="7"/>
      <c r="D41" s="23">
        <v>100</v>
      </c>
      <c r="E41" s="24">
        <v>53.3</v>
      </c>
      <c r="F41" s="25">
        <v>41.2</v>
      </c>
      <c r="G41" s="26">
        <v>5.5</v>
      </c>
    </row>
    <row r="42" spans="2:7" x14ac:dyDescent="0.2">
      <c r="B42" s="29"/>
      <c r="C42" s="2" t="s">
        <v>39</v>
      </c>
      <c r="D42" s="19">
        <v>72</v>
      </c>
      <c r="E42" s="20">
        <v>50</v>
      </c>
      <c r="F42" s="21">
        <v>18</v>
      </c>
      <c r="G42" s="22">
        <v>4</v>
      </c>
    </row>
    <row r="43" spans="2:7" x14ac:dyDescent="0.2">
      <c r="B43" s="29"/>
      <c r="C43" s="7"/>
      <c r="D43" s="23">
        <v>100</v>
      </c>
      <c r="E43" s="24">
        <v>69.400000000000006</v>
      </c>
      <c r="F43" s="25">
        <v>25</v>
      </c>
      <c r="G43" s="26">
        <v>5.6</v>
      </c>
    </row>
    <row r="44" spans="2:7" x14ac:dyDescent="0.2">
      <c r="B44" s="29"/>
      <c r="C44" s="2" t="s">
        <v>38</v>
      </c>
      <c r="D44" s="19">
        <v>127</v>
      </c>
      <c r="E44" s="20">
        <v>85</v>
      </c>
      <c r="F44" s="21">
        <v>30</v>
      </c>
      <c r="G44" s="22">
        <v>12</v>
      </c>
    </row>
    <row r="45" spans="2:7" x14ac:dyDescent="0.2">
      <c r="B45" s="29"/>
      <c r="C45" s="7"/>
      <c r="D45" s="23">
        <v>100</v>
      </c>
      <c r="E45" s="24">
        <v>66.900000000000006</v>
      </c>
      <c r="F45" s="25">
        <v>23.6</v>
      </c>
      <c r="G45" s="26">
        <v>9.4</v>
      </c>
    </row>
    <row r="46" spans="2:7" x14ac:dyDescent="0.2">
      <c r="B46" s="29"/>
      <c r="C46" s="2" t="s">
        <v>13</v>
      </c>
      <c r="D46" s="19">
        <v>61</v>
      </c>
      <c r="E46" s="20">
        <v>35</v>
      </c>
      <c r="F46" s="21">
        <v>17</v>
      </c>
      <c r="G46" s="22">
        <v>9</v>
      </c>
    </row>
    <row r="47" spans="2:7" x14ac:dyDescent="0.2">
      <c r="B47" s="30"/>
      <c r="C47" s="10"/>
      <c r="D47" s="15">
        <v>100</v>
      </c>
      <c r="E47" s="16">
        <v>57.4</v>
      </c>
      <c r="F47" s="17">
        <v>27.9</v>
      </c>
      <c r="G47" s="18">
        <v>14.8</v>
      </c>
    </row>
  </sheetData>
  <mergeCells count="3">
    <mergeCell ref="B4:B11"/>
    <mergeCell ref="B12:B35"/>
    <mergeCell ref="B36:B47"/>
  </mergeCells>
  <phoneticPr fontId="2"/>
  <pageMargins left="0.7" right="0.7" top="0.75" bottom="0.75" header="0.3" footer="0.3"/>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election activeCell="P9" sqref="P9"/>
    </sheetView>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70</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169</v>
      </c>
      <c r="F4" s="32">
        <v>1004</v>
      </c>
      <c r="G4" s="14">
        <v>68</v>
      </c>
    </row>
    <row r="5" spans="2:7" x14ac:dyDescent="0.2">
      <c r="B5" s="29"/>
      <c r="C5" s="8"/>
      <c r="D5" s="15">
        <v>100</v>
      </c>
      <c r="E5" s="16">
        <v>13.6</v>
      </c>
      <c r="F5" s="17">
        <v>80.900000000000006</v>
      </c>
      <c r="G5" s="18">
        <v>5.5</v>
      </c>
    </row>
    <row r="6" spans="2:7" x14ac:dyDescent="0.2">
      <c r="B6" s="29"/>
      <c r="C6" s="2" t="s">
        <v>30</v>
      </c>
      <c r="D6" s="19">
        <v>499</v>
      </c>
      <c r="E6" s="20">
        <v>77</v>
      </c>
      <c r="F6" s="21">
        <v>404</v>
      </c>
      <c r="G6" s="22">
        <v>18</v>
      </c>
    </row>
    <row r="7" spans="2:7" x14ac:dyDescent="0.2">
      <c r="B7" s="29"/>
      <c r="C7" s="7"/>
      <c r="D7" s="23">
        <v>100</v>
      </c>
      <c r="E7" s="24">
        <v>15.4</v>
      </c>
      <c r="F7" s="25">
        <v>81</v>
      </c>
      <c r="G7" s="26">
        <v>3.6</v>
      </c>
    </row>
    <row r="8" spans="2:7" x14ac:dyDescent="0.2">
      <c r="B8" s="29"/>
      <c r="C8" s="2" t="s">
        <v>29</v>
      </c>
      <c r="D8" s="19">
        <v>150</v>
      </c>
      <c r="E8" s="20">
        <v>22</v>
      </c>
      <c r="F8" s="21">
        <v>119</v>
      </c>
      <c r="G8" s="22">
        <v>9</v>
      </c>
    </row>
    <row r="9" spans="2:7" x14ac:dyDescent="0.2">
      <c r="B9" s="29"/>
      <c r="C9" s="7"/>
      <c r="D9" s="23">
        <v>100</v>
      </c>
      <c r="E9" s="24">
        <v>14.7</v>
      </c>
      <c r="F9" s="25">
        <v>79.3</v>
      </c>
      <c r="G9" s="26">
        <v>6</v>
      </c>
    </row>
    <row r="10" spans="2:7" x14ac:dyDescent="0.2">
      <c r="B10" s="29"/>
      <c r="C10" s="2" t="s">
        <v>28</v>
      </c>
      <c r="D10" s="19">
        <v>82</v>
      </c>
      <c r="E10" s="20">
        <v>9</v>
      </c>
      <c r="F10" s="21">
        <v>69</v>
      </c>
      <c r="G10" s="22">
        <v>4</v>
      </c>
    </row>
    <row r="11" spans="2:7" x14ac:dyDescent="0.2">
      <c r="B11" s="29"/>
      <c r="C11" s="7"/>
      <c r="D11" s="23">
        <v>100</v>
      </c>
      <c r="E11" s="24">
        <v>11</v>
      </c>
      <c r="F11" s="25">
        <v>84.1</v>
      </c>
      <c r="G11" s="26">
        <v>4.9000000000000004</v>
      </c>
    </row>
    <row r="12" spans="2:7" x14ac:dyDescent="0.2">
      <c r="B12" s="29"/>
      <c r="C12" s="2" t="s">
        <v>27</v>
      </c>
      <c r="D12" s="19">
        <v>92</v>
      </c>
      <c r="E12" s="20">
        <v>11</v>
      </c>
      <c r="F12" s="21">
        <v>77</v>
      </c>
      <c r="G12" s="22">
        <v>4</v>
      </c>
    </row>
    <row r="13" spans="2:7" x14ac:dyDescent="0.2">
      <c r="B13" s="29"/>
      <c r="C13" s="7"/>
      <c r="D13" s="23">
        <v>100</v>
      </c>
      <c r="E13" s="24">
        <v>12</v>
      </c>
      <c r="F13" s="25">
        <v>83.7</v>
      </c>
      <c r="G13" s="26">
        <v>4.3</v>
      </c>
    </row>
    <row r="14" spans="2:7" x14ac:dyDescent="0.2">
      <c r="B14" s="29"/>
      <c r="C14" s="2" t="s">
        <v>26</v>
      </c>
      <c r="D14" s="19">
        <v>112</v>
      </c>
      <c r="E14" s="20">
        <v>13</v>
      </c>
      <c r="F14" s="21">
        <v>90</v>
      </c>
      <c r="G14" s="22">
        <v>9</v>
      </c>
    </row>
    <row r="15" spans="2:7" x14ac:dyDescent="0.2">
      <c r="B15" s="29"/>
      <c r="C15" s="7"/>
      <c r="D15" s="23">
        <v>100</v>
      </c>
      <c r="E15" s="24">
        <v>11.6</v>
      </c>
      <c r="F15" s="25">
        <v>80.400000000000006</v>
      </c>
      <c r="G15" s="26">
        <v>8</v>
      </c>
    </row>
    <row r="16" spans="2:7" x14ac:dyDescent="0.2">
      <c r="B16" s="29"/>
      <c r="C16" s="2" t="s">
        <v>25</v>
      </c>
      <c r="D16" s="19">
        <v>188</v>
      </c>
      <c r="E16" s="20">
        <v>19</v>
      </c>
      <c r="F16" s="21">
        <v>156</v>
      </c>
      <c r="G16" s="22">
        <v>13</v>
      </c>
    </row>
    <row r="17" spans="2:7" x14ac:dyDescent="0.2">
      <c r="B17" s="29"/>
      <c r="C17" s="7"/>
      <c r="D17" s="23">
        <v>100</v>
      </c>
      <c r="E17" s="24">
        <v>10.1</v>
      </c>
      <c r="F17" s="25">
        <v>83</v>
      </c>
      <c r="G17" s="26">
        <v>6.9</v>
      </c>
    </row>
    <row r="18" spans="2:7" x14ac:dyDescent="0.2">
      <c r="B18" s="29"/>
      <c r="C18" s="2" t="s">
        <v>24</v>
      </c>
      <c r="D18" s="19">
        <v>60</v>
      </c>
      <c r="E18" s="20">
        <v>6</v>
      </c>
      <c r="F18" s="21">
        <v>51</v>
      </c>
      <c r="G18" s="22">
        <v>3</v>
      </c>
    </row>
    <row r="19" spans="2:7" x14ac:dyDescent="0.2">
      <c r="B19" s="29"/>
      <c r="C19" s="7"/>
      <c r="D19" s="23">
        <v>100</v>
      </c>
      <c r="E19" s="24">
        <v>10</v>
      </c>
      <c r="F19" s="25">
        <v>85</v>
      </c>
      <c r="G19" s="26">
        <v>5</v>
      </c>
    </row>
    <row r="20" spans="2:7" x14ac:dyDescent="0.2">
      <c r="B20" s="29"/>
      <c r="C20" s="2" t="s">
        <v>13</v>
      </c>
      <c r="D20" s="19">
        <v>58</v>
      </c>
      <c r="E20" s="20">
        <v>12</v>
      </c>
      <c r="F20" s="21">
        <v>38</v>
      </c>
      <c r="G20" s="22">
        <v>8</v>
      </c>
    </row>
    <row r="21" spans="2:7" x14ac:dyDescent="0.2">
      <c r="B21" s="30"/>
      <c r="C21" s="10"/>
      <c r="D21" s="15">
        <v>100</v>
      </c>
      <c r="E21" s="16">
        <v>20.7</v>
      </c>
      <c r="F21" s="17">
        <v>65.5</v>
      </c>
      <c r="G21" s="18">
        <v>13.8</v>
      </c>
    </row>
    <row r="22" spans="2:7" x14ac:dyDescent="0.2">
      <c r="B22" s="28" t="s">
        <v>35</v>
      </c>
      <c r="C22" s="9" t="s">
        <v>12</v>
      </c>
      <c r="D22" s="11">
        <v>1241</v>
      </c>
      <c r="E22" s="12">
        <v>169</v>
      </c>
      <c r="F22" s="32">
        <v>1004</v>
      </c>
      <c r="G22" s="14">
        <v>68</v>
      </c>
    </row>
    <row r="23" spans="2:7" x14ac:dyDescent="0.2">
      <c r="B23" s="29"/>
      <c r="C23" s="8"/>
      <c r="D23" s="15">
        <v>100</v>
      </c>
      <c r="E23" s="16">
        <v>13.6</v>
      </c>
      <c r="F23" s="17">
        <v>80.900000000000006</v>
      </c>
      <c r="G23" s="18">
        <v>5.5</v>
      </c>
    </row>
    <row r="24" spans="2:7" x14ac:dyDescent="0.2">
      <c r="B24" s="29"/>
      <c r="C24" s="2" t="s">
        <v>23</v>
      </c>
      <c r="D24" s="19">
        <v>563</v>
      </c>
      <c r="E24" s="20">
        <v>78</v>
      </c>
      <c r="F24" s="21">
        <v>460</v>
      </c>
      <c r="G24" s="22">
        <v>25</v>
      </c>
    </row>
    <row r="25" spans="2:7" x14ac:dyDescent="0.2">
      <c r="B25" s="29"/>
      <c r="C25" s="7"/>
      <c r="D25" s="23">
        <v>100</v>
      </c>
      <c r="E25" s="24">
        <v>13.9</v>
      </c>
      <c r="F25" s="25">
        <v>81.7</v>
      </c>
      <c r="G25" s="26">
        <v>4.4000000000000004</v>
      </c>
    </row>
    <row r="26" spans="2:7" x14ac:dyDescent="0.2">
      <c r="B26" s="29"/>
      <c r="C26" s="2" t="s">
        <v>22</v>
      </c>
      <c r="D26" s="19">
        <v>607</v>
      </c>
      <c r="E26" s="20">
        <v>79</v>
      </c>
      <c r="F26" s="21">
        <v>493</v>
      </c>
      <c r="G26" s="22">
        <v>35</v>
      </c>
    </row>
    <row r="27" spans="2:7" x14ac:dyDescent="0.2">
      <c r="B27" s="29"/>
      <c r="C27" s="7"/>
      <c r="D27" s="23">
        <v>100</v>
      </c>
      <c r="E27" s="24">
        <v>13</v>
      </c>
      <c r="F27" s="25">
        <v>81.2</v>
      </c>
      <c r="G27" s="26">
        <v>5.8</v>
      </c>
    </row>
    <row r="28" spans="2:7" x14ac:dyDescent="0.2">
      <c r="B28" s="29"/>
      <c r="C28" s="2" t="s">
        <v>13</v>
      </c>
      <c r="D28" s="19">
        <v>71</v>
      </c>
      <c r="E28" s="20">
        <v>12</v>
      </c>
      <c r="F28" s="21">
        <v>51</v>
      </c>
      <c r="G28" s="22">
        <v>8</v>
      </c>
    </row>
    <row r="29" spans="2:7" x14ac:dyDescent="0.2">
      <c r="B29" s="30"/>
      <c r="C29" s="10"/>
      <c r="D29" s="15">
        <v>100</v>
      </c>
      <c r="E29" s="16">
        <v>16.899999999999999</v>
      </c>
      <c r="F29" s="17">
        <v>71.8</v>
      </c>
      <c r="G29" s="18">
        <v>11.3</v>
      </c>
    </row>
    <row r="30" spans="2:7" x14ac:dyDescent="0.2">
      <c r="B30" s="28" t="s">
        <v>34</v>
      </c>
      <c r="C30" s="9" t="s">
        <v>12</v>
      </c>
      <c r="D30" s="11">
        <v>1241</v>
      </c>
      <c r="E30" s="12">
        <v>169</v>
      </c>
      <c r="F30" s="32">
        <v>1004</v>
      </c>
      <c r="G30" s="14">
        <v>68</v>
      </c>
    </row>
    <row r="31" spans="2:7" x14ac:dyDescent="0.2">
      <c r="B31" s="29"/>
      <c r="C31" s="8"/>
      <c r="D31" s="15">
        <v>100</v>
      </c>
      <c r="E31" s="16">
        <v>13.6</v>
      </c>
      <c r="F31" s="17">
        <v>80.900000000000006</v>
      </c>
      <c r="G31" s="18">
        <v>5.5</v>
      </c>
    </row>
    <row r="32" spans="2:7" x14ac:dyDescent="0.2">
      <c r="B32" s="29"/>
      <c r="C32" s="2" t="s">
        <v>129</v>
      </c>
      <c r="D32" s="19">
        <v>3</v>
      </c>
      <c r="E32" s="20" t="s">
        <v>152</v>
      </c>
      <c r="F32" s="21">
        <v>3</v>
      </c>
      <c r="G32" s="22" t="s">
        <v>152</v>
      </c>
    </row>
    <row r="33" spans="2:7" x14ac:dyDescent="0.2">
      <c r="B33" s="29"/>
      <c r="C33" s="7"/>
      <c r="D33" s="23">
        <v>100</v>
      </c>
      <c r="E33" s="24" t="s">
        <v>152</v>
      </c>
      <c r="F33" s="25">
        <v>100</v>
      </c>
      <c r="G33" s="26" t="s">
        <v>152</v>
      </c>
    </row>
    <row r="34" spans="2:7" x14ac:dyDescent="0.2">
      <c r="B34" s="29"/>
      <c r="C34" s="2" t="s">
        <v>130</v>
      </c>
      <c r="D34" s="19">
        <v>51</v>
      </c>
      <c r="E34" s="20">
        <v>6</v>
      </c>
      <c r="F34" s="21">
        <v>45</v>
      </c>
      <c r="G34" s="22" t="s">
        <v>152</v>
      </c>
    </row>
    <row r="35" spans="2:7" x14ac:dyDescent="0.2">
      <c r="B35" s="29"/>
      <c r="C35" s="7"/>
      <c r="D35" s="23">
        <v>100</v>
      </c>
      <c r="E35" s="24">
        <v>11.8</v>
      </c>
      <c r="F35" s="25">
        <v>88.2</v>
      </c>
      <c r="G35" s="26" t="s">
        <v>152</v>
      </c>
    </row>
    <row r="36" spans="2:7" x14ac:dyDescent="0.2">
      <c r="B36" s="29"/>
      <c r="C36" s="2" t="s">
        <v>147</v>
      </c>
      <c r="D36" s="19">
        <v>54</v>
      </c>
      <c r="E36" s="20">
        <v>6</v>
      </c>
      <c r="F36" s="21">
        <v>48</v>
      </c>
      <c r="G36" s="22" t="s">
        <v>152</v>
      </c>
    </row>
    <row r="37" spans="2:7" x14ac:dyDescent="0.2">
      <c r="B37" s="29"/>
      <c r="C37" s="7"/>
      <c r="D37" s="23">
        <v>100</v>
      </c>
      <c r="E37" s="24">
        <v>11.111111111111111</v>
      </c>
      <c r="F37" s="25">
        <v>88.888888888888886</v>
      </c>
      <c r="G37" s="26" t="s">
        <v>152</v>
      </c>
    </row>
    <row r="38" spans="2:7" x14ac:dyDescent="0.2">
      <c r="B38" s="29"/>
      <c r="C38" s="2" t="s">
        <v>131</v>
      </c>
      <c r="D38" s="19">
        <v>116</v>
      </c>
      <c r="E38" s="20">
        <v>14</v>
      </c>
      <c r="F38" s="21">
        <v>99</v>
      </c>
      <c r="G38" s="22">
        <v>3</v>
      </c>
    </row>
    <row r="39" spans="2:7" x14ac:dyDescent="0.2">
      <c r="B39" s="29"/>
      <c r="C39" s="7"/>
      <c r="D39" s="23">
        <v>100</v>
      </c>
      <c r="E39" s="24">
        <v>12.1</v>
      </c>
      <c r="F39" s="25">
        <v>85.3</v>
      </c>
      <c r="G39" s="26">
        <v>2.6</v>
      </c>
    </row>
    <row r="40" spans="2:7" x14ac:dyDescent="0.2">
      <c r="B40" s="29"/>
      <c r="C40" s="2" t="s">
        <v>132</v>
      </c>
      <c r="D40" s="19">
        <v>200</v>
      </c>
      <c r="E40" s="20">
        <v>25</v>
      </c>
      <c r="F40" s="21">
        <v>164</v>
      </c>
      <c r="G40" s="22">
        <v>11</v>
      </c>
    </row>
    <row r="41" spans="2:7" x14ac:dyDescent="0.2">
      <c r="B41" s="29"/>
      <c r="C41" s="7"/>
      <c r="D41" s="23">
        <v>100</v>
      </c>
      <c r="E41" s="24">
        <v>12.5</v>
      </c>
      <c r="F41" s="25">
        <v>82</v>
      </c>
      <c r="G41" s="26">
        <v>5.5</v>
      </c>
    </row>
    <row r="42" spans="2:7" x14ac:dyDescent="0.2">
      <c r="B42" s="29"/>
      <c r="C42" s="2" t="s">
        <v>133</v>
      </c>
      <c r="D42" s="19">
        <v>289</v>
      </c>
      <c r="E42" s="20">
        <v>43</v>
      </c>
      <c r="F42" s="21">
        <v>240</v>
      </c>
      <c r="G42" s="22">
        <v>6</v>
      </c>
    </row>
    <row r="43" spans="2:7" x14ac:dyDescent="0.2">
      <c r="B43" s="29"/>
      <c r="C43" s="7"/>
      <c r="D43" s="23">
        <v>100</v>
      </c>
      <c r="E43" s="24">
        <v>14.9</v>
      </c>
      <c r="F43" s="25">
        <v>83</v>
      </c>
      <c r="G43" s="26">
        <v>2.1</v>
      </c>
    </row>
    <row r="44" spans="2:7" x14ac:dyDescent="0.2">
      <c r="B44" s="29"/>
      <c r="C44" s="2" t="s">
        <v>134</v>
      </c>
      <c r="D44" s="19">
        <v>247</v>
      </c>
      <c r="E44" s="20">
        <v>31</v>
      </c>
      <c r="F44" s="21">
        <v>200</v>
      </c>
      <c r="G44" s="22">
        <v>16</v>
      </c>
    </row>
    <row r="45" spans="2:7" x14ac:dyDescent="0.2">
      <c r="B45" s="29"/>
      <c r="C45" s="7"/>
      <c r="D45" s="23">
        <v>100</v>
      </c>
      <c r="E45" s="24">
        <v>12.6</v>
      </c>
      <c r="F45" s="25">
        <v>81</v>
      </c>
      <c r="G45" s="26">
        <v>6.5</v>
      </c>
    </row>
    <row r="46" spans="2:7" x14ac:dyDescent="0.2">
      <c r="B46" s="29"/>
      <c r="C46" s="2" t="s">
        <v>135</v>
      </c>
      <c r="D46" s="19">
        <v>125</v>
      </c>
      <c r="E46" s="20">
        <v>12</v>
      </c>
      <c r="F46" s="21">
        <v>103</v>
      </c>
      <c r="G46" s="22">
        <v>10</v>
      </c>
    </row>
    <row r="47" spans="2:7" x14ac:dyDescent="0.2">
      <c r="B47" s="29"/>
      <c r="C47" s="7"/>
      <c r="D47" s="23">
        <v>100</v>
      </c>
      <c r="E47" s="24">
        <v>9.6</v>
      </c>
      <c r="F47" s="25">
        <v>82.4</v>
      </c>
      <c r="G47" s="26">
        <v>8</v>
      </c>
    </row>
    <row r="48" spans="2:7" x14ac:dyDescent="0.2">
      <c r="B48" s="29"/>
      <c r="C48" s="2" t="s">
        <v>136</v>
      </c>
      <c r="D48" s="19">
        <v>150</v>
      </c>
      <c r="E48" s="20">
        <v>26</v>
      </c>
      <c r="F48" s="21">
        <v>112</v>
      </c>
      <c r="G48" s="22">
        <v>12</v>
      </c>
    </row>
    <row r="49" spans="2:7" x14ac:dyDescent="0.2">
      <c r="B49" s="29"/>
      <c r="C49" s="7"/>
      <c r="D49" s="23">
        <v>100</v>
      </c>
      <c r="E49" s="24">
        <v>17.3</v>
      </c>
      <c r="F49" s="25">
        <v>74.7</v>
      </c>
      <c r="G49" s="26">
        <v>8</v>
      </c>
    </row>
    <row r="50" spans="2:7" x14ac:dyDescent="0.2">
      <c r="B50" s="29"/>
      <c r="C50" s="2" t="s">
        <v>137</v>
      </c>
      <c r="D50" s="19">
        <v>60</v>
      </c>
      <c r="E50" s="20">
        <v>12</v>
      </c>
      <c r="F50" s="21">
        <v>38</v>
      </c>
      <c r="G50" s="22">
        <v>10</v>
      </c>
    </row>
    <row r="51" spans="2:7" x14ac:dyDescent="0.2">
      <c r="B51" s="29"/>
      <c r="C51" s="10"/>
      <c r="D51" s="23">
        <v>100</v>
      </c>
      <c r="E51" s="24">
        <v>20</v>
      </c>
      <c r="F51" s="25">
        <v>63.3</v>
      </c>
      <c r="G51" s="26">
        <v>16.7</v>
      </c>
    </row>
    <row r="52" spans="2:7" x14ac:dyDescent="0.2">
      <c r="B52" s="28" t="s">
        <v>33</v>
      </c>
      <c r="C52" s="9" t="s">
        <v>12</v>
      </c>
      <c r="D52" s="11">
        <v>1241</v>
      </c>
      <c r="E52" s="12">
        <v>169</v>
      </c>
      <c r="F52" s="32">
        <v>1004</v>
      </c>
      <c r="G52" s="14">
        <v>68</v>
      </c>
    </row>
    <row r="53" spans="2:7" x14ac:dyDescent="0.2">
      <c r="B53" s="29"/>
      <c r="C53" s="8"/>
      <c r="D53" s="15">
        <v>100</v>
      </c>
      <c r="E53" s="16">
        <v>13.6</v>
      </c>
      <c r="F53" s="17">
        <v>80.900000000000006</v>
      </c>
      <c r="G53" s="18">
        <v>5.5</v>
      </c>
    </row>
    <row r="54" spans="2:7" x14ac:dyDescent="0.2">
      <c r="B54" s="29"/>
      <c r="C54" s="2" t="s">
        <v>57</v>
      </c>
      <c r="D54" s="19">
        <v>2</v>
      </c>
      <c r="E54" s="20" t="s">
        <v>152</v>
      </c>
      <c r="F54" s="21">
        <v>2</v>
      </c>
      <c r="G54" s="22" t="s">
        <v>152</v>
      </c>
    </row>
    <row r="55" spans="2:7" x14ac:dyDescent="0.2">
      <c r="B55" s="29"/>
      <c r="C55" s="7"/>
      <c r="D55" s="23">
        <v>100</v>
      </c>
      <c r="E55" s="24" t="s">
        <v>152</v>
      </c>
      <c r="F55" s="25">
        <v>100</v>
      </c>
      <c r="G55" s="26" t="s">
        <v>152</v>
      </c>
    </row>
    <row r="56" spans="2:7" x14ac:dyDescent="0.2">
      <c r="B56" s="29"/>
      <c r="C56" s="2" t="s">
        <v>63</v>
      </c>
      <c r="D56" s="19">
        <v>20</v>
      </c>
      <c r="E56" s="20">
        <v>2</v>
      </c>
      <c r="F56" s="21">
        <v>18</v>
      </c>
      <c r="G56" s="22" t="s">
        <v>152</v>
      </c>
    </row>
    <row r="57" spans="2:7" x14ac:dyDescent="0.2">
      <c r="B57" s="29"/>
      <c r="C57" s="7"/>
      <c r="D57" s="23">
        <v>100</v>
      </c>
      <c r="E57" s="24">
        <v>10</v>
      </c>
      <c r="F57" s="25">
        <v>90</v>
      </c>
      <c r="G57" s="26" t="s">
        <v>152</v>
      </c>
    </row>
    <row r="58" spans="2:7" x14ac:dyDescent="0.2">
      <c r="B58" s="29"/>
      <c r="C58" s="2" t="s">
        <v>148</v>
      </c>
      <c r="D58" s="19">
        <v>22</v>
      </c>
      <c r="E58" s="20">
        <v>2</v>
      </c>
      <c r="F58" s="21">
        <v>20</v>
      </c>
      <c r="G58" s="22" t="s">
        <v>152</v>
      </c>
    </row>
    <row r="59" spans="2:7" x14ac:dyDescent="0.2">
      <c r="B59" s="29"/>
      <c r="C59" s="7"/>
      <c r="D59" s="23">
        <v>100</v>
      </c>
      <c r="E59" s="24">
        <v>9.0909090909090917</v>
      </c>
      <c r="F59" s="25">
        <v>90.909090909090907</v>
      </c>
      <c r="G59" s="26" t="s">
        <v>152</v>
      </c>
    </row>
    <row r="60" spans="2:7" x14ac:dyDescent="0.2">
      <c r="B60" s="29"/>
      <c r="C60" s="2" t="s">
        <v>64</v>
      </c>
      <c r="D60" s="19">
        <v>51</v>
      </c>
      <c r="E60" s="20">
        <v>5</v>
      </c>
      <c r="F60" s="21">
        <v>45</v>
      </c>
      <c r="G60" s="22">
        <v>1</v>
      </c>
    </row>
    <row r="61" spans="2:7" x14ac:dyDescent="0.2">
      <c r="B61" s="29"/>
      <c r="C61" s="7"/>
      <c r="D61" s="23">
        <v>100</v>
      </c>
      <c r="E61" s="24">
        <v>9.8000000000000007</v>
      </c>
      <c r="F61" s="25">
        <v>88.2</v>
      </c>
      <c r="G61" s="26">
        <v>2</v>
      </c>
    </row>
    <row r="62" spans="2:7" x14ac:dyDescent="0.2">
      <c r="B62" s="29"/>
      <c r="C62" s="2" t="s">
        <v>65</v>
      </c>
      <c r="D62" s="19">
        <v>88</v>
      </c>
      <c r="E62" s="20">
        <v>11</v>
      </c>
      <c r="F62" s="21">
        <v>74</v>
      </c>
      <c r="G62" s="22">
        <v>3</v>
      </c>
    </row>
    <row r="63" spans="2:7" x14ac:dyDescent="0.2">
      <c r="B63" s="29"/>
      <c r="C63" s="7"/>
      <c r="D63" s="23">
        <v>100</v>
      </c>
      <c r="E63" s="24">
        <v>12.5</v>
      </c>
      <c r="F63" s="25">
        <v>84.1</v>
      </c>
      <c r="G63" s="26">
        <v>3.4</v>
      </c>
    </row>
    <row r="64" spans="2:7" x14ac:dyDescent="0.2">
      <c r="B64" s="29"/>
      <c r="C64" s="2" t="s">
        <v>66</v>
      </c>
      <c r="D64" s="19">
        <v>146</v>
      </c>
      <c r="E64" s="20">
        <v>21</v>
      </c>
      <c r="F64" s="21">
        <v>122</v>
      </c>
      <c r="G64" s="22">
        <v>3</v>
      </c>
    </row>
    <row r="65" spans="2:7" x14ac:dyDescent="0.2">
      <c r="B65" s="29"/>
      <c r="C65" s="7"/>
      <c r="D65" s="23">
        <v>100</v>
      </c>
      <c r="E65" s="24">
        <v>14.4</v>
      </c>
      <c r="F65" s="25">
        <v>83.6</v>
      </c>
      <c r="G65" s="26">
        <v>2.1</v>
      </c>
    </row>
    <row r="66" spans="2:7" x14ac:dyDescent="0.2">
      <c r="B66" s="29"/>
      <c r="C66" s="2" t="s">
        <v>67</v>
      </c>
      <c r="D66" s="19">
        <v>133</v>
      </c>
      <c r="E66" s="20">
        <v>19</v>
      </c>
      <c r="F66" s="21">
        <v>106</v>
      </c>
      <c r="G66" s="22">
        <v>8</v>
      </c>
    </row>
    <row r="67" spans="2:7" x14ac:dyDescent="0.2">
      <c r="B67" s="29"/>
      <c r="C67" s="7"/>
      <c r="D67" s="23">
        <v>100</v>
      </c>
      <c r="E67" s="24">
        <v>14.3</v>
      </c>
      <c r="F67" s="25">
        <v>79.7</v>
      </c>
      <c r="G67" s="26">
        <v>6</v>
      </c>
    </row>
    <row r="68" spans="2:7" x14ac:dyDescent="0.2">
      <c r="B68" s="29"/>
      <c r="C68" s="2" t="s">
        <v>58</v>
      </c>
      <c r="D68" s="19">
        <v>57</v>
      </c>
      <c r="E68" s="20">
        <v>7</v>
      </c>
      <c r="F68" s="21">
        <v>46</v>
      </c>
      <c r="G68" s="22">
        <v>4</v>
      </c>
    </row>
    <row r="69" spans="2:7" x14ac:dyDescent="0.2">
      <c r="B69" s="29"/>
      <c r="C69" s="7"/>
      <c r="D69" s="23">
        <v>100</v>
      </c>
      <c r="E69" s="24">
        <v>12.3</v>
      </c>
      <c r="F69" s="25">
        <v>80.7</v>
      </c>
      <c r="G69" s="26">
        <v>7</v>
      </c>
    </row>
    <row r="70" spans="2:7" x14ac:dyDescent="0.2">
      <c r="B70" s="29"/>
      <c r="C70" s="2" t="s">
        <v>68</v>
      </c>
      <c r="D70" s="19">
        <v>65</v>
      </c>
      <c r="E70" s="20">
        <v>13</v>
      </c>
      <c r="F70" s="21">
        <v>47</v>
      </c>
      <c r="G70" s="22">
        <v>5</v>
      </c>
    </row>
    <row r="71" spans="2:7" x14ac:dyDescent="0.2">
      <c r="B71" s="29"/>
      <c r="C71" s="7"/>
      <c r="D71" s="23">
        <v>100</v>
      </c>
      <c r="E71" s="24">
        <v>20</v>
      </c>
      <c r="F71" s="25">
        <v>72.3</v>
      </c>
      <c r="G71" s="26">
        <v>7.7</v>
      </c>
    </row>
    <row r="72" spans="2:7" x14ac:dyDescent="0.2">
      <c r="B72" s="29"/>
      <c r="C72" s="2" t="s">
        <v>59</v>
      </c>
      <c r="D72" s="19">
        <v>1</v>
      </c>
      <c r="E72" s="20" t="s">
        <v>152</v>
      </c>
      <c r="F72" s="21">
        <v>1</v>
      </c>
      <c r="G72" s="22" t="s">
        <v>152</v>
      </c>
    </row>
    <row r="73" spans="2:7" x14ac:dyDescent="0.2">
      <c r="B73" s="29"/>
      <c r="C73" s="7"/>
      <c r="D73" s="23">
        <v>100</v>
      </c>
      <c r="E73" s="24" t="s">
        <v>152</v>
      </c>
      <c r="F73" s="25">
        <v>100</v>
      </c>
      <c r="G73" s="26" t="s">
        <v>152</v>
      </c>
    </row>
    <row r="74" spans="2:7" x14ac:dyDescent="0.2">
      <c r="B74" s="29"/>
      <c r="C74" s="2" t="s">
        <v>69</v>
      </c>
      <c r="D74" s="19">
        <v>29</v>
      </c>
      <c r="E74" s="20">
        <v>4</v>
      </c>
      <c r="F74" s="21">
        <v>25</v>
      </c>
      <c r="G74" s="22" t="s">
        <v>152</v>
      </c>
    </row>
    <row r="75" spans="2:7" x14ac:dyDescent="0.2">
      <c r="B75" s="29"/>
      <c r="C75" s="7"/>
      <c r="D75" s="23">
        <v>100</v>
      </c>
      <c r="E75" s="24">
        <v>13.8</v>
      </c>
      <c r="F75" s="25">
        <v>86.2</v>
      </c>
      <c r="G75" s="26" t="s">
        <v>152</v>
      </c>
    </row>
    <row r="76" spans="2:7" x14ac:dyDescent="0.2">
      <c r="B76" s="29"/>
      <c r="C76" s="2" t="s">
        <v>149</v>
      </c>
      <c r="D76" s="19">
        <v>30</v>
      </c>
      <c r="E76" s="20">
        <v>4</v>
      </c>
      <c r="F76" s="21">
        <v>26</v>
      </c>
      <c r="G76" s="22" t="s">
        <v>152</v>
      </c>
    </row>
    <row r="77" spans="2:7" x14ac:dyDescent="0.2">
      <c r="B77" s="29"/>
      <c r="C77" s="7"/>
      <c r="D77" s="23">
        <v>100</v>
      </c>
      <c r="E77" s="24">
        <v>13.333333333333334</v>
      </c>
      <c r="F77" s="25">
        <v>86.666666666666671</v>
      </c>
      <c r="G77" s="26" t="s">
        <v>152</v>
      </c>
    </row>
    <row r="78" spans="2:7" x14ac:dyDescent="0.2">
      <c r="B78" s="29"/>
      <c r="C78" s="2" t="s">
        <v>70</v>
      </c>
      <c r="D78" s="19">
        <v>64</v>
      </c>
      <c r="E78" s="20">
        <v>9</v>
      </c>
      <c r="F78" s="21">
        <v>53</v>
      </c>
      <c r="G78" s="22">
        <v>2</v>
      </c>
    </row>
    <row r="79" spans="2:7" x14ac:dyDescent="0.2">
      <c r="B79" s="29"/>
      <c r="C79" s="7"/>
      <c r="D79" s="23">
        <v>100</v>
      </c>
      <c r="E79" s="24">
        <v>14.1</v>
      </c>
      <c r="F79" s="25">
        <v>82.8</v>
      </c>
      <c r="G79" s="26">
        <v>3.1</v>
      </c>
    </row>
    <row r="80" spans="2:7" x14ac:dyDescent="0.2">
      <c r="B80" s="29"/>
      <c r="C80" s="2" t="s">
        <v>71</v>
      </c>
      <c r="D80" s="19">
        <v>112</v>
      </c>
      <c r="E80" s="20">
        <v>14</v>
      </c>
      <c r="F80" s="21">
        <v>90</v>
      </c>
      <c r="G80" s="22">
        <v>8</v>
      </c>
    </row>
    <row r="81" spans="2:7" x14ac:dyDescent="0.2">
      <c r="B81" s="29"/>
      <c r="C81" s="7"/>
      <c r="D81" s="23">
        <v>100</v>
      </c>
      <c r="E81" s="24">
        <v>12.5</v>
      </c>
      <c r="F81" s="25">
        <v>80.400000000000006</v>
      </c>
      <c r="G81" s="26">
        <v>7.1</v>
      </c>
    </row>
    <row r="82" spans="2:7" x14ac:dyDescent="0.2">
      <c r="B82" s="29"/>
      <c r="C82" s="2" t="s">
        <v>72</v>
      </c>
      <c r="D82" s="19">
        <v>137</v>
      </c>
      <c r="E82" s="20">
        <v>22</v>
      </c>
      <c r="F82" s="21">
        <v>112</v>
      </c>
      <c r="G82" s="22">
        <v>3</v>
      </c>
    </row>
    <row r="83" spans="2:7" x14ac:dyDescent="0.2">
      <c r="B83" s="29"/>
      <c r="C83" s="7"/>
      <c r="D83" s="23">
        <v>100</v>
      </c>
      <c r="E83" s="24">
        <v>16.100000000000001</v>
      </c>
      <c r="F83" s="25">
        <v>81.8</v>
      </c>
      <c r="G83" s="26">
        <v>2.2000000000000002</v>
      </c>
    </row>
    <row r="84" spans="2:7" x14ac:dyDescent="0.2">
      <c r="B84" s="29"/>
      <c r="C84" s="2" t="s">
        <v>73</v>
      </c>
      <c r="D84" s="19">
        <v>112</v>
      </c>
      <c r="E84" s="20">
        <v>12</v>
      </c>
      <c r="F84" s="21">
        <v>92</v>
      </c>
      <c r="G84" s="22">
        <v>8</v>
      </c>
    </row>
    <row r="85" spans="2:7" x14ac:dyDescent="0.2">
      <c r="B85" s="29"/>
      <c r="C85" s="7"/>
      <c r="D85" s="23">
        <v>100</v>
      </c>
      <c r="E85" s="24">
        <v>10.7</v>
      </c>
      <c r="F85" s="25">
        <v>82.1</v>
      </c>
      <c r="G85" s="26">
        <v>7.1</v>
      </c>
    </row>
    <row r="86" spans="2:7" x14ac:dyDescent="0.2">
      <c r="B86" s="29"/>
      <c r="C86" s="2" t="s">
        <v>60</v>
      </c>
      <c r="D86" s="19">
        <v>66</v>
      </c>
      <c r="E86" s="20">
        <v>5</v>
      </c>
      <c r="F86" s="21">
        <v>55</v>
      </c>
      <c r="G86" s="22">
        <v>6</v>
      </c>
    </row>
    <row r="87" spans="2:7" x14ac:dyDescent="0.2">
      <c r="B87" s="29"/>
      <c r="C87" s="7"/>
      <c r="D87" s="23">
        <v>100</v>
      </c>
      <c r="E87" s="24">
        <v>7.6</v>
      </c>
      <c r="F87" s="25">
        <v>83.3</v>
      </c>
      <c r="G87" s="26">
        <v>9.1</v>
      </c>
    </row>
    <row r="88" spans="2:7" x14ac:dyDescent="0.2">
      <c r="B88" s="29"/>
      <c r="C88" s="2" t="s">
        <v>74</v>
      </c>
      <c r="D88" s="19">
        <v>83</v>
      </c>
      <c r="E88" s="20">
        <v>13</v>
      </c>
      <c r="F88" s="21">
        <v>63</v>
      </c>
      <c r="G88" s="22">
        <v>7</v>
      </c>
    </row>
    <row r="89" spans="2:7" x14ac:dyDescent="0.2">
      <c r="B89" s="29"/>
      <c r="C89" s="7"/>
      <c r="D89" s="23">
        <v>100</v>
      </c>
      <c r="E89" s="24">
        <v>15.7</v>
      </c>
      <c r="F89" s="25">
        <v>75.900000000000006</v>
      </c>
      <c r="G89" s="26">
        <v>8.4</v>
      </c>
    </row>
    <row r="90" spans="2:7" x14ac:dyDescent="0.2">
      <c r="B90" s="29"/>
      <c r="C90" s="2" t="s">
        <v>0</v>
      </c>
      <c r="D90" s="19">
        <v>75</v>
      </c>
      <c r="E90" s="20">
        <v>12</v>
      </c>
      <c r="F90" s="21">
        <v>53</v>
      </c>
      <c r="G90" s="22">
        <v>10</v>
      </c>
    </row>
    <row r="91" spans="2:7" x14ac:dyDescent="0.2">
      <c r="B91" s="29"/>
      <c r="C91" s="7"/>
      <c r="D91" s="23">
        <v>100</v>
      </c>
      <c r="E91" s="24">
        <v>16</v>
      </c>
      <c r="F91" s="25">
        <v>70.7</v>
      </c>
      <c r="G91" s="26">
        <v>13.3</v>
      </c>
    </row>
    <row r="92" spans="2:7" x14ac:dyDescent="0.2">
      <c r="B92" s="28" t="s">
        <v>32</v>
      </c>
      <c r="C92" s="9" t="s">
        <v>12</v>
      </c>
      <c r="D92" s="11">
        <v>1241</v>
      </c>
      <c r="E92" s="12">
        <v>169</v>
      </c>
      <c r="F92" s="32">
        <v>1004</v>
      </c>
      <c r="G92" s="14">
        <v>68</v>
      </c>
    </row>
    <row r="93" spans="2:7" x14ac:dyDescent="0.2">
      <c r="B93" s="29"/>
      <c r="C93" s="8"/>
      <c r="D93" s="15">
        <v>100</v>
      </c>
      <c r="E93" s="16">
        <v>13.6</v>
      </c>
      <c r="F93" s="17">
        <v>80.900000000000006</v>
      </c>
      <c r="G93" s="18">
        <v>5.5</v>
      </c>
    </row>
    <row r="94" spans="2:7" x14ac:dyDescent="0.2">
      <c r="B94" s="29"/>
      <c r="C94" s="2" t="s">
        <v>21</v>
      </c>
      <c r="D94" s="19">
        <v>65</v>
      </c>
      <c r="E94" s="20">
        <v>7</v>
      </c>
      <c r="F94" s="21">
        <v>54</v>
      </c>
      <c r="G94" s="22">
        <v>4</v>
      </c>
    </row>
    <row r="95" spans="2:7" x14ac:dyDescent="0.2">
      <c r="B95" s="29"/>
      <c r="C95" s="7"/>
      <c r="D95" s="23">
        <v>100</v>
      </c>
      <c r="E95" s="24">
        <v>10.8</v>
      </c>
      <c r="F95" s="25">
        <v>83.1</v>
      </c>
      <c r="G95" s="26">
        <v>6.2</v>
      </c>
    </row>
    <row r="96" spans="2:7" x14ac:dyDescent="0.2">
      <c r="B96" s="29"/>
      <c r="C96" s="2" t="s">
        <v>20</v>
      </c>
      <c r="D96" s="19">
        <v>7</v>
      </c>
      <c r="E96" s="20">
        <v>3</v>
      </c>
      <c r="F96" s="21">
        <v>4</v>
      </c>
      <c r="G96" s="22" t="s">
        <v>152</v>
      </c>
    </row>
    <row r="97" spans="2:7" x14ac:dyDescent="0.2">
      <c r="B97" s="29"/>
      <c r="C97" s="7"/>
      <c r="D97" s="23">
        <v>100</v>
      </c>
      <c r="E97" s="24">
        <v>42.9</v>
      </c>
      <c r="F97" s="25">
        <v>57.1</v>
      </c>
      <c r="G97" s="26" t="s">
        <v>152</v>
      </c>
    </row>
    <row r="98" spans="2:7" x14ac:dyDescent="0.2">
      <c r="B98" s="29"/>
      <c r="C98" s="2" t="s">
        <v>19</v>
      </c>
      <c r="D98" s="19">
        <v>484</v>
      </c>
      <c r="E98" s="20">
        <v>70</v>
      </c>
      <c r="F98" s="21">
        <v>401</v>
      </c>
      <c r="G98" s="22">
        <v>13</v>
      </c>
    </row>
    <row r="99" spans="2:7" x14ac:dyDescent="0.2">
      <c r="B99" s="29"/>
      <c r="C99" s="7"/>
      <c r="D99" s="23">
        <v>100</v>
      </c>
      <c r="E99" s="24">
        <v>14.5</v>
      </c>
      <c r="F99" s="25">
        <v>82.9</v>
      </c>
      <c r="G99" s="26">
        <v>2.7</v>
      </c>
    </row>
    <row r="100" spans="2:7" x14ac:dyDescent="0.2">
      <c r="B100" s="29"/>
      <c r="C100" s="2" t="s">
        <v>18</v>
      </c>
      <c r="D100" s="19">
        <v>195</v>
      </c>
      <c r="E100" s="20">
        <v>18</v>
      </c>
      <c r="F100" s="21">
        <v>166</v>
      </c>
      <c r="G100" s="22">
        <v>11</v>
      </c>
    </row>
    <row r="101" spans="2:7" x14ac:dyDescent="0.2">
      <c r="B101" s="29"/>
      <c r="C101" s="7"/>
      <c r="D101" s="23">
        <v>100</v>
      </c>
      <c r="E101" s="24">
        <v>9.1999999999999993</v>
      </c>
      <c r="F101" s="25">
        <v>85.1</v>
      </c>
      <c r="G101" s="26">
        <v>5.6</v>
      </c>
    </row>
    <row r="102" spans="2:7" x14ac:dyDescent="0.2">
      <c r="B102" s="29"/>
      <c r="C102" s="2" t="s">
        <v>17</v>
      </c>
      <c r="D102" s="19">
        <v>1</v>
      </c>
      <c r="E102" s="20" t="s">
        <v>152</v>
      </c>
      <c r="F102" s="21">
        <v>1</v>
      </c>
      <c r="G102" s="22" t="s">
        <v>152</v>
      </c>
    </row>
    <row r="103" spans="2:7" x14ac:dyDescent="0.2">
      <c r="B103" s="29"/>
      <c r="C103" s="7"/>
      <c r="D103" s="23">
        <v>100</v>
      </c>
      <c r="E103" s="24" t="s">
        <v>152</v>
      </c>
      <c r="F103" s="25">
        <v>100</v>
      </c>
      <c r="G103" s="26" t="s">
        <v>152</v>
      </c>
    </row>
    <row r="104" spans="2:7" x14ac:dyDescent="0.2">
      <c r="B104" s="29"/>
      <c r="C104" s="2" t="s">
        <v>151</v>
      </c>
      <c r="D104" s="19">
        <v>178</v>
      </c>
      <c r="E104" s="20">
        <v>25</v>
      </c>
      <c r="F104" s="21">
        <v>140</v>
      </c>
      <c r="G104" s="22">
        <v>13</v>
      </c>
    </row>
    <row r="105" spans="2:7" x14ac:dyDescent="0.2">
      <c r="B105" s="29"/>
      <c r="C105" s="7"/>
      <c r="D105" s="23">
        <v>100</v>
      </c>
      <c r="E105" s="24">
        <v>14</v>
      </c>
      <c r="F105" s="25">
        <v>78.7</v>
      </c>
      <c r="G105" s="26">
        <v>7.3</v>
      </c>
    </row>
    <row r="106" spans="2:7" x14ac:dyDescent="0.2">
      <c r="B106" s="29"/>
      <c r="C106" s="2" t="s">
        <v>16</v>
      </c>
      <c r="D106" s="19">
        <v>10</v>
      </c>
      <c r="E106" s="20">
        <v>2</v>
      </c>
      <c r="F106" s="21">
        <v>8</v>
      </c>
      <c r="G106" s="22" t="s">
        <v>152</v>
      </c>
    </row>
    <row r="107" spans="2:7" x14ac:dyDescent="0.2">
      <c r="B107" s="29"/>
      <c r="C107" s="7"/>
      <c r="D107" s="23">
        <v>100</v>
      </c>
      <c r="E107" s="24">
        <v>20</v>
      </c>
      <c r="F107" s="25">
        <v>80</v>
      </c>
      <c r="G107" s="26" t="s">
        <v>152</v>
      </c>
    </row>
    <row r="108" spans="2:7" x14ac:dyDescent="0.2">
      <c r="B108" s="29"/>
      <c r="C108" s="2" t="s">
        <v>15</v>
      </c>
      <c r="D108" s="19">
        <v>211</v>
      </c>
      <c r="E108" s="20">
        <v>29</v>
      </c>
      <c r="F108" s="21">
        <v>170</v>
      </c>
      <c r="G108" s="22">
        <v>12</v>
      </c>
    </row>
    <row r="109" spans="2:7" x14ac:dyDescent="0.2">
      <c r="B109" s="29"/>
      <c r="C109" s="7"/>
      <c r="D109" s="23">
        <v>100</v>
      </c>
      <c r="E109" s="24">
        <v>13.7</v>
      </c>
      <c r="F109" s="25">
        <v>80.599999999999994</v>
      </c>
      <c r="G109" s="26">
        <v>5.7</v>
      </c>
    </row>
    <row r="110" spans="2:7" x14ac:dyDescent="0.2">
      <c r="B110" s="29"/>
      <c r="C110" s="2" t="s">
        <v>14</v>
      </c>
      <c r="D110" s="19">
        <v>12</v>
      </c>
      <c r="E110" s="20">
        <v>2</v>
      </c>
      <c r="F110" s="21">
        <v>9</v>
      </c>
      <c r="G110" s="22">
        <v>1</v>
      </c>
    </row>
    <row r="111" spans="2:7" x14ac:dyDescent="0.2">
      <c r="B111" s="29"/>
      <c r="C111" s="7"/>
      <c r="D111" s="23">
        <v>100</v>
      </c>
      <c r="E111" s="24">
        <v>16.7</v>
      </c>
      <c r="F111" s="25">
        <v>75</v>
      </c>
      <c r="G111" s="26">
        <v>8.3000000000000007</v>
      </c>
    </row>
    <row r="112" spans="2:7" x14ac:dyDescent="0.2">
      <c r="B112" s="29"/>
      <c r="C112" s="2" t="s">
        <v>13</v>
      </c>
      <c r="D112" s="19">
        <v>78</v>
      </c>
      <c r="E112" s="20">
        <v>13</v>
      </c>
      <c r="F112" s="21">
        <v>51</v>
      </c>
      <c r="G112" s="22">
        <v>14</v>
      </c>
    </row>
    <row r="113" spans="2:7" x14ac:dyDescent="0.2">
      <c r="B113" s="30"/>
      <c r="C113" s="10"/>
      <c r="D113" s="15">
        <v>100</v>
      </c>
      <c r="E113" s="16">
        <v>16.7</v>
      </c>
      <c r="F113" s="17">
        <v>65.400000000000006</v>
      </c>
      <c r="G113" s="18">
        <v>17.899999999999999</v>
      </c>
    </row>
    <row r="114" spans="2:7" x14ac:dyDescent="0.2">
      <c r="B114" s="28" t="s">
        <v>31</v>
      </c>
      <c r="C114" s="9" t="s">
        <v>12</v>
      </c>
      <c r="D114" s="11">
        <v>752</v>
      </c>
      <c r="E114" s="12">
        <v>98</v>
      </c>
      <c r="F114" s="13">
        <v>626</v>
      </c>
      <c r="G114" s="14">
        <v>28</v>
      </c>
    </row>
    <row r="115" spans="2:7" x14ac:dyDescent="0.2">
      <c r="B115" s="29"/>
      <c r="C115" s="8"/>
      <c r="D115" s="15">
        <v>100</v>
      </c>
      <c r="E115" s="16">
        <v>13</v>
      </c>
      <c r="F115" s="17">
        <v>83.2</v>
      </c>
      <c r="G115" s="18">
        <v>3.7</v>
      </c>
    </row>
    <row r="116" spans="2:7" x14ac:dyDescent="0.2">
      <c r="B116" s="29"/>
      <c r="C116" s="2" t="s">
        <v>11</v>
      </c>
      <c r="D116" s="19">
        <v>2</v>
      </c>
      <c r="E116" s="20">
        <v>1</v>
      </c>
      <c r="F116" s="21">
        <v>1</v>
      </c>
      <c r="G116" s="22" t="s">
        <v>152</v>
      </c>
    </row>
    <row r="117" spans="2:7" x14ac:dyDescent="0.2">
      <c r="B117" s="29"/>
      <c r="C117" s="7"/>
      <c r="D117" s="23">
        <v>100</v>
      </c>
      <c r="E117" s="24">
        <v>50</v>
      </c>
      <c r="F117" s="25">
        <v>50</v>
      </c>
      <c r="G117" s="26" t="s">
        <v>152</v>
      </c>
    </row>
    <row r="118" spans="2:7" x14ac:dyDescent="0.2">
      <c r="B118" s="29"/>
      <c r="C118" s="2" t="s">
        <v>10</v>
      </c>
      <c r="D118" s="19">
        <v>32</v>
      </c>
      <c r="E118" s="20">
        <v>4</v>
      </c>
      <c r="F118" s="21">
        <v>26</v>
      </c>
      <c r="G118" s="22">
        <v>2</v>
      </c>
    </row>
    <row r="119" spans="2:7" x14ac:dyDescent="0.2">
      <c r="B119" s="29"/>
      <c r="C119" s="7"/>
      <c r="D119" s="23">
        <v>100</v>
      </c>
      <c r="E119" s="24">
        <v>12.5</v>
      </c>
      <c r="F119" s="25">
        <v>81.3</v>
      </c>
      <c r="G119" s="26">
        <v>6.3</v>
      </c>
    </row>
    <row r="120" spans="2:7" x14ac:dyDescent="0.2">
      <c r="B120" s="29"/>
      <c r="C120" s="2" t="s">
        <v>9</v>
      </c>
      <c r="D120" s="19">
        <v>33</v>
      </c>
      <c r="E120" s="20">
        <v>4</v>
      </c>
      <c r="F120" s="21">
        <v>27</v>
      </c>
      <c r="G120" s="22">
        <v>2</v>
      </c>
    </row>
    <row r="121" spans="2:7" x14ac:dyDescent="0.2">
      <c r="B121" s="29"/>
      <c r="C121" s="7"/>
      <c r="D121" s="23">
        <v>100</v>
      </c>
      <c r="E121" s="24">
        <v>12.1</v>
      </c>
      <c r="F121" s="25">
        <v>81.8</v>
      </c>
      <c r="G121" s="26">
        <v>6.1</v>
      </c>
    </row>
    <row r="122" spans="2:7" x14ac:dyDescent="0.2">
      <c r="B122" s="29"/>
      <c r="C122" s="2" t="s">
        <v>8</v>
      </c>
      <c r="D122" s="19">
        <v>71</v>
      </c>
      <c r="E122" s="20">
        <v>13</v>
      </c>
      <c r="F122" s="21">
        <v>57</v>
      </c>
      <c r="G122" s="22">
        <v>1</v>
      </c>
    </row>
    <row r="123" spans="2:7" x14ac:dyDescent="0.2">
      <c r="B123" s="29"/>
      <c r="C123" s="7"/>
      <c r="D123" s="23">
        <v>100</v>
      </c>
      <c r="E123" s="24">
        <v>18.3</v>
      </c>
      <c r="F123" s="25">
        <v>80.3</v>
      </c>
      <c r="G123" s="26">
        <v>1.4</v>
      </c>
    </row>
    <row r="124" spans="2:7" x14ac:dyDescent="0.2">
      <c r="B124" s="29"/>
      <c r="C124" s="2" t="s">
        <v>7</v>
      </c>
      <c r="D124" s="19">
        <v>152</v>
      </c>
      <c r="E124" s="20">
        <v>19</v>
      </c>
      <c r="F124" s="21">
        <v>130</v>
      </c>
      <c r="G124" s="22">
        <v>3</v>
      </c>
    </row>
    <row r="125" spans="2:7" x14ac:dyDescent="0.2">
      <c r="B125" s="29"/>
      <c r="C125" s="7"/>
      <c r="D125" s="23">
        <v>100</v>
      </c>
      <c r="E125" s="24">
        <v>12.5</v>
      </c>
      <c r="F125" s="25">
        <v>85.5</v>
      </c>
      <c r="G125" s="26">
        <v>2</v>
      </c>
    </row>
    <row r="126" spans="2:7" x14ac:dyDescent="0.2">
      <c r="B126" s="29"/>
      <c r="C126" s="2" t="s">
        <v>6</v>
      </c>
      <c r="D126" s="19">
        <v>176</v>
      </c>
      <c r="E126" s="20">
        <v>21</v>
      </c>
      <c r="F126" s="21">
        <v>148</v>
      </c>
      <c r="G126" s="22">
        <v>7</v>
      </c>
    </row>
    <row r="127" spans="2:7" x14ac:dyDescent="0.2">
      <c r="B127" s="29"/>
      <c r="C127" s="7"/>
      <c r="D127" s="23">
        <v>100</v>
      </c>
      <c r="E127" s="24">
        <v>11.9</v>
      </c>
      <c r="F127" s="25">
        <v>84.1</v>
      </c>
      <c r="G127" s="26">
        <v>4</v>
      </c>
    </row>
    <row r="128" spans="2:7" x14ac:dyDescent="0.2">
      <c r="B128" s="29"/>
      <c r="C128" s="2" t="s">
        <v>5</v>
      </c>
      <c r="D128" s="19">
        <v>37</v>
      </c>
      <c r="E128" s="20">
        <v>3</v>
      </c>
      <c r="F128" s="21">
        <v>32</v>
      </c>
      <c r="G128" s="22">
        <v>2</v>
      </c>
    </row>
    <row r="129" spans="2:7" x14ac:dyDescent="0.2">
      <c r="B129" s="29"/>
      <c r="C129" s="7"/>
      <c r="D129" s="23">
        <v>100</v>
      </c>
      <c r="E129" s="24">
        <v>8.1</v>
      </c>
      <c r="F129" s="25">
        <v>86.5</v>
      </c>
      <c r="G129" s="26">
        <v>5.4</v>
      </c>
    </row>
    <row r="130" spans="2:7" x14ac:dyDescent="0.2">
      <c r="B130" s="29"/>
      <c r="C130" s="2" t="s">
        <v>4</v>
      </c>
      <c r="D130" s="19">
        <v>67</v>
      </c>
      <c r="E130" s="20">
        <v>6</v>
      </c>
      <c r="F130" s="21">
        <v>61</v>
      </c>
      <c r="G130" s="22" t="s">
        <v>152</v>
      </c>
    </row>
    <row r="131" spans="2:7" x14ac:dyDescent="0.2">
      <c r="B131" s="29"/>
      <c r="C131" s="7"/>
      <c r="D131" s="23">
        <v>100</v>
      </c>
      <c r="E131" s="24">
        <v>9</v>
      </c>
      <c r="F131" s="25">
        <v>91</v>
      </c>
      <c r="G131" s="26" t="s">
        <v>152</v>
      </c>
    </row>
    <row r="132" spans="2:7" x14ac:dyDescent="0.2">
      <c r="B132" s="29"/>
      <c r="C132" s="2" t="s">
        <v>3</v>
      </c>
      <c r="D132" s="19">
        <v>159</v>
      </c>
      <c r="E132" s="20">
        <v>23</v>
      </c>
      <c r="F132" s="21">
        <v>127</v>
      </c>
      <c r="G132" s="22">
        <v>9</v>
      </c>
    </row>
    <row r="133" spans="2:7" x14ac:dyDescent="0.2">
      <c r="B133" s="29"/>
      <c r="C133" s="7"/>
      <c r="D133" s="23">
        <v>100</v>
      </c>
      <c r="E133" s="24">
        <v>14.5</v>
      </c>
      <c r="F133" s="25">
        <v>79.900000000000006</v>
      </c>
      <c r="G133" s="26">
        <v>5.7</v>
      </c>
    </row>
    <row r="134" spans="2:7" x14ac:dyDescent="0.2">
      <c r="B134" s="29"/>
      <c r="C134" s="2" t="s">
        <v>2</v>
      </c>
      <c r="D134" s="19">
        <v>23</v>
      </c>
      <c r="E134" s="20">
        <v>4</v>
      </c>
      <c r="F134" s="21">
        <v>17</v>
      </c>
      <c r="G134" s="22">
        <v>2</v>
      </c>
    </row>
    <row r="135" spans="2:7" x14ac:dyDescent="0.2">
      <c r="B135" s="30"/>
      <c r="C135" s="10"/>
      <c r="D135" s="15">
        <v>100</v>
      </c>
      <c r="E135" s="16">
        <v>17.399999999999999</v>
      </c>
      <c r="F135" s="17">
        <v>73.900000000000006</v>
      </c>
      <c r="G135" s="18">
        <v>8.699999999999999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topLeftCell="A10" workbookViewId="0">
      <selection activeCell="AK54" sqref="AK54"/>
    </sheetView>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70</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169</v>
      </c>
      <c r="F4" s="32">
        <v>1004</v>
      </c>
      <c r="G4" s="14">
        <v>68</v>
      </c>
    </row>
    <row r="5" spans="2:7" x14ac:dyDescent="0.2">
      <c r="B5" s="29"/>
      <c r="C5" s="8"/>
      <c r="D5" s="15">
        <v>100</v>
      </c>
      <c r="E5" s="16">
        <v>13.6</v>
      </c>
      <c r="F5" s="17">
        <v>80.900000000000006</v>
      </c>
      <c r="G5" s="18">
        <v>5.5</v>
      </c>
    </row>
    <row r="6" spans="2:7" x14ac:dyDescent="0.2">
      <c r="B6" s="29"/>
      <c r="C6" s="2" t="s">
        <v>52</v>
      </c>
      <c r="D6" s="19">
        <v>557</v>
      </c>
      <c r="E6" s="20">
        <v>57</v>
      </c>
      <c r="F6" s="21">
        <v>469</v>
      </c>
      <c r="G6" s="22">
        <v>31</v>
      </c>
    </row>
    <row r="7" spans="2:7" x14ac:dyDescent="0.2">
      <c r="B7" s="29"/>
      <c r="C7" s="7"/>
      <c r="D7" s="23">
        <v>100</v>
      </c>
      <c r="E7" s="24">
        <v>10.199999999999999</v>
      </c>
      <c r="F7" s="25">
        <v>84.2</v>
      </c>
      <c r="G7" s="26">
        <v>5.6</v>
      </c>
    </row>
    <row r="8" spans="2:7" x14ac:dyDescent="0.2">
      <c r="B8" s="29"/>
      <c r="C8" s="2" t="s">
        <v>51</v>
      </c>
      <c r="D8" s="19">
        <v>595</v>
      </c>
      <c r="E8" s="20">
        <v>94</v>
      </c>
      <c r="F8" s="21">
        <v>476</v>
      </c>
      <c r="G8" s="22">
        <v>25</v>
      </c>
    </row>
    <row r="9" spans="2:7" x14ac:dyDescent="0.2">
      <c r="B9" s="29"/>
      <c r="C9" s="7"/>
      <c r="D9" s="23">
        <v>100</v>
      </c>
      <c r="E9" s="24">
        <v>15.8</v>
      </c>
      <c r="F9" s="25">
        <v>80</v>
      </c>
      <c r="G9" s="26">
        <v>4.2</v>
      </c>
    </row>
    <row r="10" spans="2:7" x14ac:dyDescent="0.2">
      <c r="B10" s="29"/>
      <c r="C10" s="2" t="s">
        <v>13</v>
      </c>
      <c r="D10" s="19">
        <v>89</v>
      </c>
      <c r="E10" s="20">
        <v>18</v>
      </c>
      <c r="F10" s="21">
        <v>59</v>
      </c>
      <c r="G10" s="22">
        <v>12</v>
      </c>
    </row>
    <row r="11" spans="2:7" x14ac:dyDescent="0.2">
      <c r="B11" s="30"/>
      <c r="C11" s="10"/>
      <c r="D11" s="15">
        <v>100</v>
      </c>
      <c r="E11" s="16">
        <v>20.2</v>
      </c>
      <c r="F11" s="17">
        <v>66.3</v>
      </c>
      <c r="G11" s="18">
        <v>13.5</v>
      </c>
    </row>
    <row r="12" spans="2:7" x14ac:dyDescent="0.2">
      <c r="B12" s="28" t="s">
        <v>54</v>
      </c>
      <c r="C12" s="9" t="s">
        <v>12</v>
      </c>
      <c r="D12" s="11">
        <v>1241</v>
      </c>
      <c r="E12" s="12">
        <v>169</v>
      </c>
      <c r="F12" s="32">
        <v>1004</v>
      </c>
      <c r="G12" s="14">
        <v>68</v>
      </c>
    </row>
    <row r="13" spans="2:7" x14ac:dyDescent="0.2">
      <c r="B13" s="29"/>
      <c r="C13" s="8"/>
      <c r="D13" s="15">
        <v>100</v>
      </c>
      <c r="E13" s="16">
        <v>13.6</v>
      </c>
      <c r="F13" s="17">
        <v>80.900000000000006</v>
      </c>
      <c r="G13" s="18">
        <v>5.5</v>
      </c>
    </row>
    <row r="14" spans="2:7" x14ac:dyDescent="0.2">
      <c r="B14" s="29"/>
      <c r="C14" s="2" t="s">
        <v>50</v>
      </c>
      <c r="D14" s="19">
        <v>84</v>
      </c>
      <c r="E14" s="20">
        <v>9</v>
      </c>
      <c r="F14" s="21">
        <v>72</v>
      </c>
      <c r="G14" s="22">
        <v>3</v>
      </c>
    </row>
    <row r="15" spans="2:7" x14ac:dyDescent="0.2">
      <c r="B15" s="29"/>
      <c r="C15" s="7"/>
      <c r="D15" s="23">
        <v>100</v>
      </c>
      <c r="E15" s="24">
        <v>10.7</v>
      </c>
      <c r="F15" s="25">
        <v>85.7</v>
      </c>
      <c r="G15" s="26">
        <v>3.6</v>
      </c>
    </row>
    <row r="16" spans="2:7" x14ac:dyDescent="0.2">
      <c r="B16" s="29"/>
      <c r="C16" s="2" t="s">
        <v>49</v>
      </c>
      <c r="D16" s="19">
        <v>97</v>
      </c>
      <c r="E16" s="20">
        <v>14</v>
      </c>
      <c r="F16" s="21">
        <v>79</v>
      </c>
      <c r="G16" s="22">
        <v>4</v>
      </c>
    </row>
    <row r="17" spans="2:7" x14ac:dyDescent="0.2">
      <c r="B17" s="29"/>
      <c r="C17" s="7"/>
      <c r="D17" s="23">
        <v>100</v>
      </c>
      <c r="E17" s="24">
        <v>14.4</v>
      </c>
      <c r="F17" s="25">
        <v>81.400000000000006</v>
      </c>
      <c r="G17" s="26">
        <v>4.0999999999999996</v>
      </c>
    </row>
    <row r="18" spans="2:7" x14ac:dyDescent="0.2">
      <c r="B18" s="29"/>
      <c r="C18" s="2" t="s">
        <v>48</v>
      </c>
      <c r="D18" s="19">
        <v>79</v>
      </c>
      <c r="E18" s="20">
        <v>11</v>
      </c>
      <c r="F18" s="21">
        <v>64</v>
      </c>
      <c r="G18" s="22">
        <v>4</v>
      </c>
    </row>
    <row r="19" spans="2:7" x14ac:dyDescent="0.2">
      <c r="B19" s="29"/>
      <c r="C19" s="7"/>
      <c r="D19" s="23">
        <v>100</v>
      </c>
      <c r="E19" s="24">
        <v>13.9</v>
      </c>
      <c r="F19" s="25">
        <v>81</v>
      </c>
      <c r="G19" s="26">
        <v>5.0999999999999996</v>
      </c>
    </row>
    <row r="20" spans="2:7" x14ac:dyDescent="0.2">
      <c r="B20" s="29"/>
      <c r="C20" s="2" t="s">
        <v>47</v>
      </c>
      <c r="D20" s="19">
        <v>72</v>
      </c>
      <c r="E20" s="20">
        <v>9</v>
      </c>
      <c r="F20" s="21">
        <v>61</v>
      </c>
      <c r="G20" s="22">
        <v>2</v>
      </c>
    </row>
    <row r="21" spans="2:7" x14ac:dyDescent="0.2">
      <c r="B21" s="29"/>
      <c r="C21" s="7"/>
      <c r="D21" s="23">
        <v>100</v>
      </c>
      <c r="E21" s="24">
        <v>12.5</v>
      </c>
      <c r="F21" s="25">
        <v>84.7</v>
      </c>
      <c r="G21" s="26">
        <v>2.8</v>
      </c>
    </row>
    <row r="22" spans="2:7" x14ac:dyDescent="0.2">
      <c r="B22" s="29"/>
      <c r="C22" s="2" t="s">
        <v>46</v>
      </c>
      <c r="D22" s="19">
        <v>15</v>
      </c>
      <c r="E22" s="20">
        <v>2</v>
      </c>
      <c r="F22" s="21">
        <v>12</v>
      </c>
      <c r="G22" s="22">
        <v>1</v>
      </c>
    </row>
    <row r="23" spans="2:7" x14ac:dyDescent="0.2">
      <c r="B23" s="29"/>
      <c r="C23" s="7"/>
      <c r="D23" s="23">
        <v>100</v>
      </c>
      <c r="E23" s="24">
        <v>13.3</v>
      </c>
      <c r="F23" s="25">
        <v>80</v>
      </c>
      <c r="G23" s="26">
        <v>6.7</v>
      </c>
    </row>
    <row r="24" spans="2:7" x14ac:dyDescent="0.2">
      <c r="B24" s="29"/>
      <c r="C24" s="2" t="s">
        <v>45</v>
      </c>
      <c r="D24" s="19">
        <v>77</v>
      </c>
      <c r="E24" s="20">
        <v>9</v>
      </c>
      <c r="F24" s="21">
        <v>64</v>
      </c>
      <c r="G24" s="22">
        <v>4</v>
      </c>
    </row>
    <row r="25" spans="2:7" x14ac:dyDescent="0.2">
      <c r="B25" s="29"/>
      <c r="C25" s="7"/>
      <c r="D25" s="23">
        <v>100</v>
      </c>
      <c r="E25" s="24">
        <v>11.7</v>
      </c>
      <c r="F25" s="25">
        <v>83.1</v>
      </c>
      <c r="G25" s="26">
        <v>5.2</v>
      </c>
    </row>
    <row r="26" spans="2:7" x14ac:dyDescent="0.2">
      <c r="B26" s="29"/>
      <c r="C26" s="2" t="s">
        <v>44</v>
      </c>
      <c r="D26" s="19">
        <v>260</v>
      </c>
      <c r="E26" s="20">
        <v>27</v>
      </c>
      <c r="F26" s="21">
        <v>215</v>
      </c>
      <c r="G26" s="22">
        <v>18</v>
      </c>
    </row>
    <row r="27" spans="2:7" x14ac:dyDescent="0.2">
      <c r="B27" s="29"/>
      <c r="C27" s="7"/>
      <c r="D27" s="23">
        <v>100</v>
      </c>
      <c r="E27" s="24">
        <v>10.4</v>
      </c>
      <c r="F27" s="25">
        <v>82.7</v>
      </c>
      <c r="G27" s="26">
        <v>6.9</v>
      </c>
    </row>
    <row r="28" spans="2:7" x14ac:dyDescent="0.2">
      <c r="B28" s="29"/>
      <c r="C28" s="2" t="s">
        <v>43</v>
      </c>
      <c r="D28" s="19">
        <v>334</v>
      </c>
      <c r="E28" s="20">
        <v>42</v>
      </c>
      <c r="F28" s="21">
        <v>271</v>
      </c>
      <c r="G28" s="22">
        <v>21</v>
      </c>
    </row>
    <row r="29" spans="2:7" x14ac:dyDescent="0.2">
      <c r="B29" s="29"/>
      <c r="C29" s="7"/>
      <c r="D29" s="23">
        <v>100</v>
      </c>
      <c r="E29" s="24">
        <v>12.6</v>
      </c>
      <c r="F29" s="25">
        <v>81.099999999999994</v>
      </c>
      <c r="G29" s="26">
        <v>6.3</v>
      </c>
    </row>
    <row r="30" spans="2:7" x14ac:dyDescent="0.2">
      <c r="B30" s="29"/>
      <c r="C30" s="2" t="s">
        <v>14</v>
      </c>
      <c r="D30" s="19">
        <v>28</v>
      </c>
      <c r="E30" s="20">
        <v>4</v>
      </c>
      <c r="F30" s="21">
        <v>24</v>
      </c>
      <c r="G30" s="22" t="s">
        <v>152</v>
      </c>
    </row>
    <row r="31" spans="2:7" x14ac:dyDescent="0.2">
      <c r="B31" s="29"/>
      <c r="C31" s="7"/>
      <c r="D31" s="23">
        <v>100</v>
      </c>
      <c r="E31" s="24">
        <v>14.3</v>
      </c>
      <c r="F31" s="25">
        <v>85.7</v>
      </c>
      <c r="G31" s="26" t="s">
        <v>152</v>
      </c>
    </row>
    <row r="32" spans="2:7" x14ac:dyDescent="0.2">
      <c r="B32" s="29"/>
      <c r="C32" s="2" t="s">
        <v>42</v>
      </c>
      <c r="D32" s="19">
        <v>390</v>
      </c>
      <c r="E32" s="20">
        <v>56</v>
      </c>
      <c r="F32" s="21">
        <v>319</v>
      </c>
      <c r="G32" s="22">
        <v>15</v>
      </c>
    </row>
    <row r="33" spans="2:7" x14ac:dyDescent="0.2">
      <c r="B33" s="29"/>
      <c r="C33" s="7"/>
      <c r="D33" s="23">
        <v>100</v>
      </c>
      <c r="E33" s="24">
        <v>14.4</v>
      </c>
      <c r="F33" s="25">
        <v>81.8</v>
      </c>
      <c r="G33" s="26">
        <v>3.8</v>
      </c>
    </row>
    <row r="34" spans="2:7" x14ac:dyDescent="0.2">
      <c r="B34" s="29"/>
      <c r="C34" s="2" t="s">
        <v>13</v>
      </c>
      <c r="D34" s="19">
        <v>70</v>
      </c>
      <c r="E34" s="20">
        <v>14</v>
      </c>
      <c r="F34" s="21">
        <v>44</v>
      </c>
      <c r="G34" s="22">
        <v>12</v>
      </c>
    </row>
    <row r="35" spans="2:7" x14ac:dyDescent="0.2">
      <c r="B35" s="30"/>
      <c r="C35" s="10"/>
      <c r="D35" s="15">
        <v>100</v>
      </c>
      <c r="E35" s="16">
        <v>20</v>
      </c>
      <c r="F35" s="17">
        <v>62.9</v>
      </c>
      <c r="G35" s="18">
        <v>17.100000000000001</v>
      </c>
    </row>
    <row r="36" spans="2:7" x14ac:dyDescent="0.2">
      <c r="B36" s="28" t="s">
        <v>53</v>
      </c>
      <c r="C36" s="9" t="s">
        <v>12</v>
      </c>
      <c r="D36" s="11">
        <v>1241</v>
      </c>
      <c r="E36" s="12">
        <v>169</v>
      </c>
      <c r="F36" s="32">
        <v>1004</v>
      </c>
      <c r="G36" s="14">
        <v>68</v>
      </c>
    </row>
    <row r="37" spans="2:7" x14ac:dyDescent="0.2">
      <c r="B37" s="29"/>
      <c r="C37" s="8"/>
      <c r="D37" s="15">
        <v>100</v>
      </c>
      <c r="E37" s="16">
        <v>13.6</v>
      </c>
      <c r="F37" s="17">
        <v>80.900000000000006</v>
      </c>
      <c r="G37" s="18">
        <v>5.5</v>
      </c>
    </row>
    <row r="38" spans="2:7" x14ac:dyDescent="0.2">
      <c r="B38" s="29"/>
      <c r="C38" s="2" t="s">
        <v>41</v>
      </c>
      <c r="D38" s="19">
        <v>799</v>
      </c>
      <c r="E38" s="20">
        <v>109</v>
      </c>
      <c r="F38" s="21">
        <v>663</v>
      </c>
      <c r="G38" s="22">
        <v>27</v>
      </c>
    </row>
    <row r="39" spans="2:7" x14ac:dyDescent="0.2">
      <c r="B39" s="29"/>
      <c r="C39" s="7"/>
      <c r="D39" s="23">
        <v>100</v>
      </c>
      <c r="E39" s="24">
        <v>13.6</v>
      </c>
      <c r="F39" s="25">
        <v>83</v>
      </c>
      <c r="G39" s="26">
        <v>3.4</v>
      </c>
    </row>
    <row r="40" spans="2:7" x14ac:dyDescent="0.2">
      <c r="B40" s="29"/>
      <c r="C40" s="2" t="s">
        <v>40</v>
      </c>
      <c r="D40" s="19">
        <v>182</v>
      </c>
      <c r="E40" s="20">
        <v>24</v>
      </c>
      <c r="F40" s="21">
        <v>147</v>
      </c>
      <c r="G40" s="22">
        <v>11</v>
      </c>
    </row>
    <row r="41" spans="2:7" x14ac:dyDescent="0.2">
      <c r="B41" s="29"/>
      <c r="C41" s="7"/>
      <c r="D41" s="23">
        <v>100</v>
      </c>
      <c r="E41" s="24">
        <v>13.2</v>
      </c>
      <c r="F41" s="25">
        <v>80.8</v>
      </c>
      <c r="G41" s="26">
        <v>6</v>
      </c>
    </row>
    <row r="42" spans="2:7" x14ac:dyDescent="0.2">
      <c r="B42" s="29"/>
      <c r="C42" s="2" t="s">
        <v>39</v>
      </c>
      <c r="D42" s="19">
        <v>72</v>
      </c>
      <c r="E42" s="20">
        <v>8</v>
      </c>
      <c r="F42" s="21">
        <v>58</v>
      </c>
      <c r="G42" s="22">
        <v>6</v>
      </c>
    </row>
    <row r="43" spans="2:7" x14ac:dyDescent="0.2">
      <c r="B43" s="29"/>
      <c r="C43" s="7"/>
      <c r="D43" s="23">
        <v>100</v>
      </c>
      <c r="E43" s="24">
        <v>11.1</v>
      </c>
      <c r="F43" s="25">
        <v>80.599999999999994</v>
      </c>
      <c r="G43" s="26">
        <v>8.3000000000000007</v>
      </c>
    </row>
    <row r="44" spans="2:7" x14ac:dyDescent="0.2">
      <c r="B44" s="29"/>
      <c r="C44" s="2" t="s">
        <v>38</v>
      </c>
      <c r="D44" s="19">
        <v>127</v>
      </c>
      <c r="E44" s="20">
        <v>16</v>
      </c>
      <c r="F44" s="21">
        <v>98</v>
      </c>
      <c r="G44" s="22">
        <v>13</v>
      </c>
    </row>
    <row r="45" spans="2:7" x14ac:dyDescent="0.2">
      <c r="B45" s="29"/>
      <c r="C45" s="7"/>
      <c r="D45" s="23">
        <v>100</v>
      </c>
      <c r="E45" s="24">
        <v>12.6</v>
      </c>
      <c r="F45" s="25">
        <v>77.2</v>
      </c>
      <c r="G45" s="26">
        <v>10.199999999999999</v>
      </c>
    </row>
    <row r="46" spans="2:7" x14ac:dyDescent="0.2">
      <c r="B46" s="29"/>
      <c r="C46" s="2" t="s">
        <v>13</v>
      </c>
      <c r="D46" s="19">
        <v>61</v>
      </c>
      <c r="E46" s="20">
        <v>12</v>
      </c>
      <c r="F46" s="21">
        <v>38</v>
      </c>
      <c r="G46" s="22">
        <v>11</v>
      </c>
    </row>
    <row r="47" spans="2:7" x14ac:dyDescent="0.2">
      <c r="B47" s="30"/>
      <c r="C47" s="10"/>
      <c r="D47" s="15">
        <v>100</v>
      </c>
      <c r="E47" s="16">
        <v>19.7</v>
      </c>
      <c r="F47" s="17">
        <v>62.3</v>
      </c>
      <c r="G47" s="18">
        <v>18</v>
      </c>
    </row>
  </sheetData>
  <mergeCells count="3">
    <mergeCell ref="B4:B11"/>
    <mergeCell ref="B12:B35"/>
    <mergeCell ref="B36:B47"/>
  </mergeCells>
  <phoneticPr fontId="2"/>
  <pageMargins left="0.7" right="0.7" top="0.75" bottom="0.75" header="0.3" footer="0.3"/>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election activeCell="AI25" sqref="AI25"/>
    </sheetView>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69</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364</v>
      </c>
      <c r="F4" s="13">
        <v>789</v>
      </c>
      <c r="G4" s="14">
        <v>88</v>
      </c>
    </row>
    <row r="5" spans="2:7" x14ac:dyDescent="0.2">
      <c r="B5" s="29"/>
      <c r="C5" s="8"/>
      <c r="D5" s="15">
        <v>100</v>
      </c>
      <c r="E5" s="16">
        <v>29.3</v>
      </c>
      <c r="F5" s="17">
        <v>63.6</v>
      </c>
      <c r="G5" s="18">
        <v>7.1</v>
      </c>
    </row>
    <row r="6" spans="2:7" x14ac:dyDescent="0.2">
      <c r="B6" s="29"/>
      <c r="C6" s="2" t="s">
        <v>30</v>
      </c>
      <c r="D6" s="19">
        <v>499</v>
      </c>
      <c r="E6" s="20">
        <v>149</v>
      </c>
      <c r="F6" s="21">
        <v>326</v>
      </c>
      <c r="G6" s="22">
        <v>24</v>
      </c>
    </row>
    <row r="7" spans="2:7" x14ac:dyDescent="0.2">
      <c r="B7" s="29"/>
      <c r="C7" s="7"/>
      <c r="D7" s="23">
        <v>100</v>
      </c>
      <c r="E7" s="24">
        <v>29.9</v>
      </c>
      <c r="F7" s="25">
        <v>65.3</v>
      </c>
      <c r="G7" s="26">
        <v>4.8</v>
      </c>
    </row>
    <row r="8" spans="2:7" x14ac:dyDescent="0.2">
      <c r="B8" s="29"/>
      <c r="C8" s="2" t="s">
        <v>29</v>
      </c>
      <c r="D8" s="19">
        <v>150</v>
      </c>
      <c r="E8" s="20">
        <v>61</v>
      </c>
      <c r="F8" s="21">
        <v>77</v>
      </c>
      <c r="G8" s="22">
        <v>12</v>
      </c>
    </row>
    <row r="9" spans="2:7" x14ac:dyDescent="0.2">
      <c r="B9" s="29"/>
      <c r="C9" s="7"/>
      <c r="D9" s="23">
        <v>100</v>
      </c>
      <c r="E9" s="24">
        <v>40.700000000000003</v>
      </c>
      <c r="F9" s="25">
        <v>51.3</v>
      </c>
      <c r="G9" s="26">
        <v>8</v>
      </c>
    </row>
    <row r="10" spans="2:7" x14ac:dyDescent="0.2">
      <c r="B10" s="29"/>
      <c r="C10" s="2" t="s">
        <v>28</v>
      </c>
      <c r="D10" s="19">
        <v>82</v>
      </c>
      <c r="E10" s="20">
        <v>13</v>
      </c>
      <c r="F10" s="21">
        <v>62</v>
      </c>
      <c r="G10" s="22">
        <v>7</v>
      </c>
    </row>
    <row r="11" spans="2:7" x14ac:dyDescent="0.2">
      <c r="B11" s="29"/>
      <c r="C11" s="7"/>
      <c r="D11" s="23">
        <v>100</v>
      </c>
      <c r="E11" s="24">
        <v>15.9</v>
      </c>
      <c r="F11" s="25">
        <v>75.599999999999994</v>
      </c>
      <c r="G11" s="26">
        <v>8.5</v>
      </c>
    </row>
    <row r="12" spans="2:7" x14ac:dyDescent="0.2">
      <c r="B12" s="29"/>
      <c r="C12" s="2" t="s">
        <v>27</v>
      </c>
      <c r="D12" s="19">
        <v>92</v>
      </c>
      <c r="E12" s="20">
        <v>29</v>
      </c>
      <c r="F12" s="21">
        <v>57</v>
      </c>
      <c r="G12" s="22">
        <v>6</v>
      </c>
    </row>
    <row r="13" spans="2:7" x14ac:dyDescent="0.2">
      <c r="B13" s="29"/>
      <c r="C13" s="7"/>
      <c r="D13" s="23">
        <v>100</v>
      </c>
      <c r="E13" s="24">
        <v>31.5</v>
      </c>
      <c r="F13" s="25">
        <v>62</v>
      </c>
      <c r="G13" s="26">
        <v>6.5</v>
      </c>
    </row>
    <row r="14" spans="2:7" x14ac:dyDescent="0.2">
      <c r="B14" s="29"/>
      <c r="C14" s="2" t="s">
        <v>26</v>
      </c>
      <c r="D14" s="19">
        <v>112</v>
      </c>
      <c r="E14" s="20">
        <v>32</v>
      </c>
      <c r="F14" s="21">
        <v>69</v>
      </c>
      <c r="G14" s="22">
        <v>11</v>
      </c>
    </row>
    <row r="15" spans="2:7" x14ac:dyDescent="0.2">
      <c r="B15" s="29"/>
      <c r="C15" s="7"/>
      <c r="D15" s="23">
        <v>100</v>
      </c>
      <c r="E15" s="24">
        <v>28.6</v>
      </c>
      <c r="F15" s="25">
        <v>61.6</v>
      </c>
      <c r="G15" s="26">
        <v>9.8000000000000007</v>
      </c>
    </row>
    <row r="16" spans="2:7" x14ac:dyDescent="0.2">
      <c r="B16" s="29"/>
      <c r="C16" s="2" t="s">
        <v>25</v>
      </c>
      <c r="D16" s="19">
        <v>188</v>
      </c>
      <c r="E16" s="20">
        <v>44</v>
      </c>
      <c r="F16" s="21">
        <v>128</v>
      </c>
      <c r="G16" s="22">
        <v>16</v>
      </c>
    </row>
    <row r="17" spans="2:7" x14ac:dyDescent="0.2">
      <c r="B17" s="29"/>
      <c r="C17" s="7"/>
      <c r="D17" s="23">
        <v>100</v>
      </c>
      <c r="E17" s="24">
        <v>23.4</v>
      </c>
      <c r="F17" s="25">
        <v>68.099999999999994</v>
      </c>
      <c r="G17" s="26">
        <v>8.5</v>
      </c>
    </row>
    <row r="18" spans="2:7" x14ac:dyDescent="0.2">
      <c r="B18" s="29"/>
      <c r="C18" s="2" t="s">
        <v>24</v>
      </c>
      <c r="D18" s="19">
        <v>60</v>
      </c>
      <c r="E18" s="20">
        <v>17</v>
      </c>
      <c r="F18" s="21">
        <v>39</v>
      </c>
      <c r="G18" s="22">
        <v>4</v>
      </c>
    </row>
    <row r="19" spans="2:7" x14ac:dyDescent="0.2">
      <c r="B19" s="29"/>
      <c r="C19" s="7"/>
      <c r="D19" s="23">
        <v>100</v>
      </c>
      <c r="E19" s="24">
        <v>28.3</v>
      </c>
      <c r="F19" s="25">
        <v>65</v>
      </c>
      <c r="G19" s="26">
        <v>6.7</v>
      </c>
    </row>
    <row r="20" spans="2:7" x14ac:dyDescent="0.2">
      <c r="B20" s="29"/>
      <c r="C20" s="2" t="s">
        <v>13</v>
      </c>
      <c r="D20" s="19">
        <v>58</v>
      </c>
      <c r="E20" s="20">
        <v>19</v>
      </c>
      <c r="F20" s="21">
        <v>31</v>
      </c>
      <c r="G20" s="22">
        <v>8</v>
      </c>
    </row>
    <row r="21" spans="2:7" x14ac:dyDescent="0.2">
      <c r="B21" s="30"/>
      <c r="C21" s="10"/>
      <c r="D21" s="15">
        <v>100</v>
      </c>
      <c r="E21" s="16">
        <v>32.799999999999997</v>
      </c>
      <c r="F21" s="17">
        <v>53.4</v>
      </c>
      <c r="G21" s="18">
        <v>13.8</v>
      </c>
    </row>
    <row r="22" spans="2:7" x14ac:dyDescent="0.2">
      <c r="B22" s="28" t="s">
        <v>35</v>
      </c>
      <c r="C22" s="9" t="s">
        <v>12</v>
      </c>
      <c r="D22" s="11">
        <v>1241</v>
      </c>
      <c r="E22" s="12">
        <v>364</v>
      </c>
      <c r="F22" s="13">
        <v>789</v>
      </c>
      <c r="G22" s="14">
        <v>88</v>
      </c>
    </row>
    <row r="23" spans="2:7" x14ac:dyDescent="0.2">
      <c r="B23" s="29"/>
      <c r="C23" s="8"/>
      <c r="D23" s="15">
        <v>100</v>
      </c>
      <c r="E23" s="16">
        <v>29.3</v>
      </c>
      <c r="F23" s="17">
        <v>63.6</v>
      </c>
      <c r="G23" s="18">
        <v>7.1</v>
      </c>
    </row>
    <row r="24" spans="2:7" x14ac:dyDescent="0.2">
      <c r="B24" s="29"/>
      <c r="C24" s="2" t="s">
        <v>23</v>
      </c>
      <c r="D24" s="19">
        <v>563</v>
      </c>
      <c r="E24" s="20">
        <v>170</v>
      </c>
      <c r="F24" s="21">
        <v>364</v>
      </c>
      <c r="G24" s="22">
        <v>29</v>
      </c>
    </row>
    <row r="25" spans="2:7" x14ac:dyDescent="0.2">
      <c r="B25" s="29"/>
      <c r="C25" s="7"/>
      <c r="D25" s="23">
        <v>100</v>
      </c>
      <c r="E25" s="24">
        <v>30.2</v>
      </c>
      <c r="F25" s="25">
        <v>64.7</v>
      </c>
      <c r="G25" s="26">
        <v>5.2</v>
      </c>
    </row>
    <row r="26" spans="2:7" x14ac:dyDescent="0.2">
      <c r="B26" s="29"/>
      <c r="C26" s="2" t="s">
        <v>22</v>
      </c>
      <c r="D26" s="19">
        <v>607</v>
      </c>
      <c r="E26" s="20">
        <v>172</v>
      </c>
      <c r="F26" s="21">
        <v>384</v>
      </c>
      <c r="G26" s="22">
        <v>51</v>
      </c>
    </row>
    <row r="27" spans="2:7" x14ac:dyDescent="0.2">
      <c r="B27" s="29"/>
      <c r="C27" s="7"/>
      <c r="D27" s="23">
        <v>100</v>
      </c>
      <c r="E27" s="24">
        <v>28.3</v>
      </c>
      <c r="F27" s="25">
        <v>63.3</v>
      </c>
      <c r="G27" s="26">
        <v>8.4</v>
      </c>
    </row>
    <row r="28" spans="2:7" x14ac:dyDescent="0.2">
      <c r="B28" s="29"/>
      <c r="C28" s="2" t="s">
        <v>13</v>
      </c>
      <c r="D28" s="19">
        <v>71</v>
      </c>
      <c r="E28" s="20">
        <v>22</v>
      </c>
      <c r="F28" s="21">
        <v>41</v>
      </c>
      <c r="G28" s="22">
        <v>8</v>
      </c>
    </row>
    <row r="29" spans="2:7" x14ac:dyDescent="0.2">
      <c r="B29" s="30"/>
      <c r="C29" s="10"/>
      <c r="D29" s="15">
        <v>100</v>
      </c>
      <c r="E29" s="16">
        <v>31</v>
      </c>
      <c r="F29" s="17">
        <v>57.7</v>
      </c>
      <c r="G29" s="18">
        <v>11.3</v>
      </c>
    </row>
    <row r="30" spans="2:7" x14ac:dyDescent="0.2">
      <c r="B30" s="28" t="s">
        <v>34</v>
      </c>
      <c r="C30" s="9" t="s">
        <v>12</v>
      </c>
      <c r="D30" s="11">
        <v>1241</v>
      </c>
      <c r="E30" s="12">
        <v>364</v>
      </c>
      <c r="F30" s="13">
        <v>789</v>
      </c>
      <c r="G30" s="14">
        <v>88</v>
      </c>
    </row>
    <row r="31" spans="2:7" x14ac:dyDescent="0.2">
      <c r="B31" s="29"/>
      <c r="C31" s="8"/>
      <c r="D31" s="15">
        <v>100</v>
      </c>
      <c r="E31" s="16">
        <v>29.3</v>
      </c>
      <c r="F31" s="17">
        <v>63.6</v>
      </c>
      <c r="G31" s="18">
        <v>7.1</v>
      </c>
    </row>
    <row r="32" spans="2:7" x14ac:dyDescent="0.2">
      <c r="B32" s="29"/>
      <c r="C32" s="2" t="s">
        <v>120</v>
      </c>
      <c r="D32" s="19">
        <v>3</v>
      </c>
      <c r="E32" s="20">
        <v>1</v>
      </c>
      <c r="F32" s="21">
        <v>2</v>
      </c>
      <c r="G32" s="22" t="s">
        <v>152</v>
      </c>
    </row>
    <row r="33" spans="2:7" x14ac:dyDescent="0.2">
      <c r="B33" s="29"/>
      <c r="C33" s="7"/>
      <c r="D33" s="23">
        <v>100</v>
      </c>
      <c r="E33" s="24">
        <v>33.299999999999997</v>
      </c>
      <c r="F33" s="25">
        <v>66.7</v>
      </c>
      <c r="G33" s="26" t="s">
        <v>152</v>
      </c>
    </row>
    <row r="34" spans="2:7" x14ac:dyDescent="0.2">
      <c r="B34" s="29"/>
      <c r="C34" s="2" t="s">
        <v>121</v>
      </c>
      <c r="D34" s="19">
        <v>51</v>
      </c>
      <c r="E34" s="20">
        <v>20</v>
      </c>
      <c r="F34" s="21">
        <v>31</v>
      </c>
      <c r="G34" s="22" t="s">
        <v>152</v>
      </c>
    </row>
    <row r="35" spans="2:7" x14ac:dyDescent="0.2">
      <c r="B35" s="29"/>
      <c r="C35" s="7"/>
      <c r="D35" s="23">
        <v>100</v>
      </c>
      <c r="E35" s="24">
        <v>39.200000000000003</v>
      </c>
      <c r="F35" s="25">
        <v>60.8</v>
      </c>
      <c r="G35" s="26" t="s">
        <v>152</v>
      </c>
    </row>
    <row r="36" spans="2:7" x14ac:dyDescent="0.2">
      <c r="B36" s="29"/>
      <c r="C36" s="2" t="s">
        <v>147</v>
      </c>
      <c r="D36" s="19">
        <v>54</v>
      </c>
      <c r="E36" s="20">
        <v>21</v>
      </c>
      <c r="F36" s="21">
        <v>33</v>
      </c>
      <c r="G36" s="22" t="s">
        <v>152</v>
      </c>
    </row>
    <row r="37" spans="2:7" x14ac:dyDescent="0.2">
      <c r="B37" s="29"/>
      <c r="C37" s="7"/>
      <c r="D37" s="23">
        <v>100</v>
      </c>
      <c r="E37" s="24">
        <v>38.888888888888893</v>
      </c>
      <c r="F37" s="25">
        <v>61.111111111111114</v>
      </c>
      <c r="G37" s="26" t="s">
        <v>152</v>
      </c>
    </row>
    <row r="38" spans="2:7" x14ac:dyDescent="0.2">
      <c r="B38" s="29"/>
      <c r="C38" s="2" t="s">
        <v>122</v>
      </c>
      <c r="D38" s="19">
        <v>116</v>
      </c>
      <c r="E38" s="20">
        <v>37</v>
      </c>
      <c r="F38" s="21">
        <v>76</v>
      </c>
      <c r="G38" s="22">
        <v>3</v>
      </c>
    </row>
    <row r="39" spans="2:7" x14ac:dyDescent="0.2">
      <c r="B39" s="29"/>
      <c r="C39" s="7"/>
      <c r="D39" s="23">
        <v>100</v>
      </c>
      <c r="E39" s="24">
        <v>31.9</v>
      </c>
      <c r="F39" s="25">
        <v>65.5</v>
      </c>
      <c r="G39" s="26">
        <v>2.6</v>
      </c>
    </row>
    <row r="40" spans="2:7" x14ac:dyDescent="0.2">
      <c r="B40" s="29"/>
      <c r="C40" s="2" t="s">
        <v>123</v>
      </c>
      <c r="D40" s="19">
        <v>200</v>
      </c>
      <c r="E40" s="20">
        <v>59</v>
      </c>
      <c r="F40" s="21">
        <v>131</v>
      </c>
      <c r="G40" s="22">
        <v>10</v>
      </c>
    </row>
    <row r="41" spans="2:7" x14ac:dyDescent="0.2">
      <c r="B41" s="29"/>
      <c r="C41" s="7"/>
      <c r="D41" s="23">
        <v>100</v>
      </c>
      <c r="E41" s="24">
        <v>29.5</v>
      </c>
      <c r="F41" s="25">
        <v>65.5</v>
      </c>
      <c r="G41" s="26">
        <v>5</v>
      </c>
    </row>
    <row r="42" spans="2:7" x14ac:dyDescent="0.2">
      <c r="B42" s="29"/>
      <c r="C42" s="2" t="s">
        <v>124</v>
      </c>
      <c r="D42" s="19">
        <v>289</v>
      </c>
      <c r="E42" s="20">
        <v>91</v>
      </c>
      <c r="F42" s="21">
        <v>186</v>
      </c>
      <c r="G42" s="22">
        <v>12</v>
      </c>
    </row>
    <row r="43" spans="2:7" x14ac:dyDescent="0.2">
      <c r="B43" s="29"/>
      <c r="C43" s="7"/>
      <c r="D43" s="23">
        <v>100</v>
      </c>
      <c r="E43" s="24">
        <v>31.5</v>
      </c>
      <c r="F43" s="25">
        <v>64.400000000000006</v>
      </c>
      <c r="G43" s="26">
        <v>4.2</v>
      </c>
    </row>
    <row r="44" spans="2:7" x14ac:dyDescent="0.2">
      <c r="B44" s="29"/>
      <c r="C44" s="2" t="s">
        <v>125</v>
      </c>
      <c r="D44" s="19">
        <v>247</v>
      </c>
      <c r="E44" s="20">
        <v>67</v>
      </c>
      <c r="F44" s="21">
        <v>160</v>
      </c>
      <c r="G44" s="22">
        <v>20</v>
      </c>
    </row>
    <row r="45" spans="2:7" x14ac:dyDescent="0.2">
      <c r="B45" s="29"/>
      <c r="C45" s="7"/>
      <c r="D45" s="23">
        <v>100</v>
      </c>
      <c r="E45" s="24">
        <v>27.1</v>
      </c>
      <c r="F45" s="25">
        <v>64.8</v>
      </c>
      <c r="G45" s="26">
        <v>8.1</v>
      </c>
    </row>
    <row r="46" spans="2:7" x14ac:dyDescent="0.2">
      <c r="B46" s="29"/>
      <c r="C46" s="2" t="s">
        <v>126</v>
      </c>
      <c r="D46" s="19">
        <v>125</v>
      </c>
      <c r="E46" s="20">
        <v>25</v>
      </c>
      <c r="F46" s="21">
        <v>86</v>
      </c>
      <c r="G46" s="22">
        <v>14</v>
      </c>
    </row>
    <row r="47" spans="2:7" x14ac:dyDescent="0.2">
      <c r="B47" s="29"/>
      <c r="C47" s="7"/>
      <c r="D47" s="23">
        <v>100</v>
      </c>
      <c r="E47" s="24">
        <v>20</v>
      </c>
      <c r="F47" s="25">
        <v>68.8</v>
      </c>
      <c r="G47" s="26">
        <v>11.2</v>
      </c>
    </row>
    <row r="48" spans="2:7" x14ac:dyDescent="0.2">
      <c r="B48" s="29"/>
      <c r="C48" s="2" t="s">
        <v>127</v>
      </c>
      <c r="D48" s="19">
        <v>150</v>
      </c>
      <c r="E48" s="20">
        <v>44</v>
      </c>
      <c r="F48" s="21">
        <v>87</v>
      </c>
      <c r="G48" s="22">
        <v>19</v>
      </c>
    </row>
    <row r="49" spans="2:7" x14ac:dyDescent="0.2">
      <c r="B49" s="29"/>
      <c r="C49" s="7"/>
      <c r="D49" s="23">
        <v>100</v>
      </c>
      <c r="E49" s="24">
        <v>29.3</v>
      </c>
      <c r="F49" s="25">
        <v>58</v>
      </c>
      <c r="G49" s="26">
        <v>12.7</v>
      </c>
    </row>
    <row r="50" spans="2:7" x14ac:dyDescent="0.2">
      <c r="B50" s="29"/>
      <c r="C50" s="2" t="s">
        <v>128</v>
      </c>
      <c r="D50" s="19">
        <v>60</v>
      </c>
      <c r="E50" s="20">
        <v>20</v>
      </c>
      <c r="F50" s="21">
        <v>30</v>
      </c>
      <c r="G50" s="22">
        <v>10</v>
      </c>
    </row>
    <row r="51" spans="2:7" x14ac:dyDescent="0.2">
      <c r="B51" s="29"/>
      <c r="C51" s="10"/>
      <c r="D51" s="23">
        <v>100</v>
      </c>
      <c r="E51" s="24">
        <v>33.299999999999997</v>
      </c>
      <c r="F51" s="25">
        <v>50</v>
      </c>
      <c r="G51" s="26">
        <v>16.7</v>
      </c>
    </row>
    <row r="52" spans="2:7" x14ac:dyDescent="0.2">
      <c r="B52" s="28" t="s">
        <v>33</v>
      </c>
      <c r="C52" s="9" t="s">
        <v>12</v>
      </c>
      <c r="D52" s="11">
        <v>1241</v>
      </c>
      <c r="E52" s="12">
        <v>364</v>
      </c>
      <c r="F52" s="13">
        <v>789</v>
      </c>
      <c r="G52" s="14">
        <v>88</v>
      </c>
    </row>
    <row r="53" spans="2:7" x14ac:dyDescent="0.2">
      <c r="B53" s="29"/>
      <c r="C53" s="8"/>
      <c r="D53" s="15">
        <v>100</v>
      </c>
      <c r="E53" s="16">
        <v>29.3</v>
      </c>
      <c r="F53" s="17">
        <v>63.6</v>
      </c>
      <c r="G53" s="18">
        <v>7.1</v>
      </c>
    </row>
    <row r="54" spans="2:7" x14ac:dyDescent="0.2">
      <c r="B54" s="29"/>
      <c r="C54" s="2" t="s">
        <v>57</v>
      </c>
      <c r="D54" s="19">
        <v>2</v>
      </c>
      <c r="E54" s="20" t="s">
        <v>152</v>
      </c>
      <c r="F54" s="21">
        <v>2</v>
      </c>
      <c r="G54" s="22" t="s">
        <v>152</v>
      </c>
    </row>
    <row r="55" spans="2:7" x14ac:dyDescent="0.2">
      <c r="B55" s="29"/>
      <c r="C55" s="7"/>
      <c r="D55" s="23">
        <v>100</v>
      </c>
      <c r="E55" s="24" t="s">
        <v>152</v>
      </c>
      <c r="F55" s="25">
        <v>100</v>
      </c>
      <c r="G55" s="26" t="s">
        <v>152</v>
      </c>
    </row>
    <row r="56" spans="2:7" x14ac:dyDescent="0.2">
      <c r="B56" s="29"/>
      <c r="C56" s="2" t="s">
        <v>63</v>
      </c>
      <c r="D56" s="19">
        <v>20</v>
      </c>
      <c r="E56" s="20">
        <v>10</v>
      </c>
      <c r="F56" s="21">
        <v>10</v>
      </c>
      <c r="G56" s="22" t="s">
        <v>152</v>
      </c>
    </row>
    <row r="57" spans="2:7" x14ac:dyDescent="0.2">
      <c r="B57" s="29"/>
      <c r="C57" s="7"/>
      <c r="D57" s="23">
        <v>100</v>
      </c>
      <c r="E57" s="24">
        <v>50</v>
      </c>
      <c r="F57" s="25">
        <v>50</v>
      </c>
      <c r="G57" s="26" t="s">
        <v>152</v>
      </c>
    </row>
    <row r="58" spans="2:7" x14ac:dyDescent="0.2">
      <c r="B58" s="29"/>
      <c r="C58" s="2" t="s">
        <v>148</v>
      </c>
      <c r="D58" s="19">
        <v>22</v>
      </c>
      <c r="E58" s="20">
        <v>10</v>
      </c>
      <c r="F58" s="21">
        <v>12</v>
      </c>
      <c r="G58" s="22" t="s">
        <v>152</v>
      </c>
    </row>
    <row r="59" spans="2:7" x14ac:dyDescent="0.2">
      <c r="B59" s="29"/>
      <c r="C59" s="7"/>
      <c r="D59" s="23">
        <v>100</v>
      </c>
      <c r="E59" s="24">
        <v>45.454545454545453</v>
      </c>
      <c r="F59" s="25">
        <v>54.54545454545454</v>
      </c>
      <c r="G59" s="26" t="s">
        <v>152</v>
      </c>
    </row>
    <row r="60" spans="2:7" x14ac:dyDescent="0.2">
      <c r="B60" s="29"/>
      <c r="C60" s="2" t="s">
        <v>64</v>
      </c>
      <c r="D60" s="19">
        <v>51</v>
      </c>
      <c r="E60" s="20">
        <v>17</v>
      </c>
      <c r="F60" s="21">
        <v>33</v>
      </c>
      <c r="G60" s="22">
        <v>1</v>
      </c>
    </row>
    <row r="61" spans="2:7" x14ac:dyDescent="0.2">
      <c r="B61" s="29"/>
      <c r="C61" s="7"/>
      <c r="D61" s="23">
        <v>100</v>
      </c>
      <c r="E61" s="24">
        <v>33.299999999999997</v>
      </c>
      <c r="F61" s="25">
        <v>64.7</v>
      </c>
      <c r="G61" s="26">
        <v>2</v>
      </c>
    </row>
    <row r="62" spans="2:7" x14ac:dyDescent="0.2">
      <c r="B62" s="29"/>
      <c r="C62" s="2" t="s">
        <v>65</v>
      </c>
      <c r="D62" s="19">
        <v>88</v>
      </c>
      <c r="E62" s="20">
        <v>31</v>
      </c>
      <c r="F62" s="21">
        <v>55</v>
      </c>
      <c r="G62" s="22">
        <v>2</v>
      </c>
    </row>
    <row r="63" spans="2:7" x14ac:dyDescent="0.2">
      <c r="B63" s="29"/>
      <c r="C63" s="7"/>
      <c r="D63" s="23">
        <v>100</v>
      </c>
      <c r="E63" s="24">
        <v>35.200000000000003</v>
      </c>
      <c r="F63" s="25">
        <v>62.5</v>
      </c>
      <c r="G63" s="26">
        <v>2.2999999999999998</v>
      </c>
    </row>
    <row r="64" spans="2:7" x14ac:dyDescent="0.2">
      <c r="B64" s="29"/>
      <c r="C64" s="2" t="s">
        <v>66</v>
      </c>
      <c r="D64" s="19">
        <v>146</v>
      </c>
      <c r="E64" s="20">
        <v>43</v>
      </c>
      <c r="F64" s="21">
        <v>98</v>
      </c>
      <c r="G64" s="22">
        <v>5</v>
      </c>
    </row>
    <row r="65" spans="2:7" x14ac:dyDescent="0.2">
      <c r="B65" s="29"/>
      <c r="C65" s="7"/>
      <c r="D65" s="23">
        <v>100</v>
      </c>
      <c r="E65" s="24">
        <v>29.5</v>
      </c>
      <c r="F65" s="25">
        <v>67.099999999999994</v>
      </c>
      <c r="G65" s="26">
        <v>3.4</v>
      </c>
    </row>
    <row r="66" spans="2:7" x14ac:dyDescent="0.2">
      <c r="B66" s="29"/>
      <c r="C66" s="2" t="s">
        <v>67</v>
      </c>
      <c r="D66" s="19">
        <v>133</v>
      </c>
      <c r="E66" s="20">
        <v>41</v>
      </c>
      <c r="F66" s="21">
        <v>84</v>
      </c>
      <c r="G66" s="22">
        <v>8</v>
      </c>
    </row>
    <row r="67" spans="2:7" x14ac:dyDescent="0.2">
      <c r="B67" s="29"/>
      <c r="C67" s="7"/>
      <c r="D67" s="23">
        <v>100</v>
      </c>
      <c r="E67" s="24">
        <v>30.8</v>
      </c>
      <c r="F67" s="25">
        <v>63.2</v>
      </c>
      <c r="G67" s="26">
        <v>6</v>
      </c>
    </row>
    <row r="68" spans="2:7" x14ac:dyDescent="0.2">
      <c r="B68" s="29"/>
      <c r="C68" s="2" t="s">
        <v>58</v>
      </c>
      <c r="D68" s="19">
        <v>57</v>
      </c>
      <c r="E68" s="20">
        <v>10</v>
      </c>
      <c r="F68" s="21">
        <v>42</v>
      </c>
      <c r="G68" s="22">
        <v>5</v>
      </c>
    </row>
    <row r="69" spans="2:7" x14ac:dyDescent="0.2">
      <c r="B69" s="29"/>
      <c r="C69" s="7"/>
      <c r="D69" s="23">
        <v>100</v>
      </c>
      <c r="E69" s="24">
        <v>17.5</v>
      </c>
      <c r="F69" s="25">
        <v>73.7</v>
      </c>
      <c r="G69" s="26">
        <v>8.8000000000000007</v>
      </c>
    </row>
    <row r="70" spans="2:7" x14ac:dyDescent="0.2">
      <c r="B70" s="29"/>
      <c r="C70" s="2" t="s">
        <v>68</v>
      </c>
      <c r="D70" s="19">
        <v>65</v>
      </c>
      <c r="E70" s="20">
        <v>18</v>
      </c>
      <c r="F70" s="21">
        <v>40</v>
      </c>
      <c r="G70" s="22">
        <v>7</v>
      </c>
    </row>
    <row r="71" spans="2:7" x14ac:dyDescent="0.2">
      <c r="B71" s="29"/>
      <c r="C71" s="7"/>
      <c r="D71" s="23">
        <v>100</v>
      </c>
      <c r="E71" s="24">
        <v>27.7</v>
      </c>
      <c r="F71" s="25">
        <v>61.5</v>
      </c>
      <c r="G71" s="26">
        <v>10.8</v>
      </c>
    </row>
    <row r="72" spans="2:7" x14ac:dyDescent="0.2">
      <c r="B72" s="29"/>
      <c r="C72" s="2" t="s">
        <v>59</v>
      </c>
      <c r="D72" s="19">
        <v>1</v>
      </c>
      <c r="E72" s="20">
        <v>1</v>
      </c>
      <c r="F72" s="21" t="s">
        <v>152</v>
      </c>
      <c r="G72" s="22" t="s">
        <v>152</v>
      </c>
    </row>
    <row r="73" spans="2:7" x14ac:dyDescent="0.2">
      <c r="B73" s="29"/>
      <c r="C73" s="7"/>
      <c r="D73" s="23">
        <v>100</v>
      </c>
      <c r="E73" s="24">
        <v>100</v>
      </c>
      <c r="F73" s="25" t="s">
        <v>152</v>
      </c>
      <c r="G73" s="26" t="s">
        <v>152</v>
      </c>
    </row>
    <row r="74" spans="2:7" x14ac:dyDescent="0.2">
      <c r="B74" s="29"/>
      <c r="C74" s="2" t="s">
        <v>69</v>
      </c>
      <c r="D74" s="19">
        <v>29</v>
      </c>
      <c r="E74" s="20">
        <v>10</v>
      </c>
      <c r="F74" s="21">
        <v>19</v>
      </c>
      <c r="G74" s="22" t="s">
        <v>152</v>
      </c>
    </row>
    <row r="75" spans="2:7" x14ac:dyDescent="0.2">
      <c r="B75" s="29"/>
      <c r="C75" s="7"/>
      <c r="D75" s="23">
        <v>100</v>
      </c>
      <c r="E75" s="24">
        <v>34.5</v>
      </c>
      <c r="F75" s="25">
        <v>65.5</v>
      </c>
      <c r="G75" s="26" t="s">
        <v>152</v>
      </c>
    </row>
    <row r="76" spans="2:7" x14ac:dyDescent="0.2">
      <c r="B76" s="29"/>
      <c r="C76" s="2" t="s">
        <v>149</v>
      </c>
      <c r="D76" s="19">
        <v>30</v>
      </c>
      <c r="E76" s="20">
        <v>11</v>
      </c>
      <c r="F76" s="21">
        <v>19</v>
      </c>
      <c r="G76" s="22" t="s">
        <v>152</v>
      </c>
    </row>
    <row r="77" spans="2:7" x14ac:dyDescent="0.2">
      <c r="B77" s="29"/>
      <c r="C77" s="7"/>
      <c r="D77" s="23">
        <v>100</v>
      </c>
      <c r="E77" s="24">
        <v>36.666666666666664</v>
      </c>
      <c r="F77" s="25">
        <v>63.333333333333329</v>
      </c>
      <c r="G77" s="26" t="s">
        <v>152</v>
      </c>
    </row>
    <row r="78" spans="2:7" x14ac:dyDescent="0.2">
      <c r="B78" s="29"/>
      <c r="C78" s="2" t="s">
        <v>70</v>
      </c>
      <c r="D78" s="19">
        <v>64</v>
      </c>
      <c r="E78" s="20">
        <v>20</v>
      </c>
      <c r="F78" s="21">
        <v>42</v>
      </c>
      <c r="G78" s="22">
        <v>2</v>
      </c>
    </row>
    <row r="79" spans="2:7" x14ac:dyDescent="0.2">
      <c r="B79" s="29"/>
      <c r="C79" s="7"/>
      <c r="D79" s="23">
        <v>100</v>
      </c>
      <c r="E79" s="24">
        <v>31.3</v>
      </c>
      <c r="F79" s="25">
        <v>65.599999999999994</v>
      </c>
      <c r="G79" s="26">
        <v>3.1</v>
      </c>
    </row>
    <row r="80" spans="2:7" x14ac:dyDescent="0.2">
      <c r="B80" s="29"/>
      <c r="C80" s="2" t="s">
        <v>71</v>
      </c>
      <c r="D80" s="19">
        <v>112</v>
      </c>
      <c r="E80" s="20">
        <v>28</v>
      </c>
      <c r="F80" s="21">
        <v>76</v>
      </c>
      <c r="G80" s="22">
        <v>8</v>
      </c>
    </row>
    <row r="81" spans="2:7" x14ac:dyDescent="0.2">
      <c r="B81" s="29"/>
      <c r="C81" s="7"/>
      <c r="D81" s="23">
        <v>100</v>
      </c>
      <c r="E81" s="24">
        <v>25</v>
      </c>
      <c r="F81" s="25">
        <v>67.900000000000006</v>
      </c>
      <c r="G81" s="26">
        <v>7.1</v>
      </c>
    </row>
    <row r="82" spans="2:7" x14ac:dyDescent="0.2">
      <c r="B82" s="29"/>
      <c r="C82" s="2" t="s">
        <v>72</v>
      </c>
      <c r="D82" s="19">
        <v>137</v>
      </c>
      <c r="E82" s="20">
        <v>46</v>
      </c>
      <c r="F82" s="21">
        <v>84</v>
      </c>
      <c r="G82" s="22">
        <v>7</v>
      </c>
    </row>
    <row r="83" spans="2:7" x14ac:dyDescent="0.2">
      <c r="B83" s="29"/>
      <c r="C83" s="7"/>
      <c r="D83" s="23">
        <v>100</v>
      </c>
      <c r="E83" s="24">
        <v>33.6</v>
      </c>
      <c r="F83" s="25">
        <v>61.3</v>
      </c>
      <c r="G83" s="26">
        <v>5.0999999999999996</v>
      </c>
    </row>
    <row r="84" spans="2:7" x14ac:dyDescent="0.2">
      <c r="B84" s="29"/>
      <c r="C84" s="2" t="s">
        <v>73</v>
      </c>
      <c r="D84" s="19">
        <v>112</v>
      </c>
      <c r="E84" s="20">
        <v>26</v>
      </c>
      <c r="F84" s="21">
        <v>74</v>
      </c>
      <c r="G84" s="22">
        <v>12</v>
      </c>
    </row>
    <row r="85" spans="2:7" x14ac:dyDescent="0.2">
      <c r="B85" s="29"/>
      <c r="C85" s="7"/>
      <c r="D85" s="23">
        <v>100</v>
      </c>
      <c r="E85" s="24">
        <v>23.2</v>
      </c>
      <c r="F85" s="25">
        <v>66.099999999999994</v>
      </c>
      <c r="G85" s="26">
        <v>10.7</v>
      </c>
    </row>
    <row r="86" spans="2:7" x14ac:dyDescent="0.2">
      <c r="B86" s="29"/>
      <c r="C86" s="2" t="s">
        <v>60</v>
      </c>
      <c r="D86" s="19">
        <v>66</v>
      </c>
      <c r="E86" s="20">
        <v>15</v>
      </c>
      <c r="F86" s="21">
        <v>42</v>
      </c>
      <c r="G86" s="22">
        <v>9</v>
      </c>
    </row>
    <row r="87" spans="2:7" x14ac:dyDescent="0.2">
      <c r="B87" s="29"/>
      <c r="C87" s="7"/>
      <c r="D87" s="23">
        <v>100</v>
      </c>
      <c r="E87" s="24">
        <v>22.7</v>
      </c>
      <c r="F87" s="25">
        <v>63.6</v>
      </c>
      <c r="G87" s="26">
        <v>13.6</v>
      </c>
    </row>
    <row r="88" spans="2:7" x14ac:dyDescent="0.2">
      <c r="B88" s="29"/>
      <c r="C88" s="2" t="s">
        <v>74</v>
      </c>
      <c r="D88" s="19">
        <v>83</v>
      </c>
      <c r="E88" s="20">
        <v>25</v>
      </c>
      <c r="F88" s="21">
        <v>46</v>
      </c>
      <c r="G88" s="22">
        <v>12</v>
      </c>
    </row>
    <row r="89" spans="2:7" x14ac:dyDescent="0.2">
      <c r="B89" s="29"/>
      <c r="C89" s="7"/>
      <c r="D89" s="23">
        <v>100</v>
      </c>
      <c r="E89" s="24">
        <v>30.1</v>
      </c>
      <c r="F89" s="25">
        <v>55.4</v>
      </c>
      <c r="G89" s="26">
        <v>14.5</v>
      </c>
    </row>
    <row r="90" spans="2:7" x14ac:dyDescent="0.2">
      <c r="B90" s="29"/>
      <c r="C90" s="2" t="s">
        <v>0</v>
      </c>
      <c r="D90" s="19">
        <v>75</v>
      </c>
      <c r="E90" s="20">
        <v>23</v>
      </c>
      <c r="F90" s="21">
        <v>42</v>
      </c>
      <c r="G90" s="22">
        <v>10</v>
      </c>
    </row>
    <row r="91" spans="2:7" x14ac:dyDescent="0.2">
      <c r="B91" s="29"/>
      <c r="C91" s="7"/>
      <c r="D91" s="23">
        <v>100</v>
      </c>
      <c r="E91" s="24">
        <v>30.7</v>
      </c>
      <c r="F91" s="25">
        <v>56</v>
      </c>
      <c r="G91" s="26">
        <v>13.3</v>
      </c>
    </row>
    <row r="92" spans="2:7" x14ac:dyDescent="0.2">
      <c r="B92" s="28" t="s">
        <v>32</v>
      </c>
      <c r="C92" s="9" t="s">
        <v>12</v>
      </c>
      <c r="D92" s="11">
        <v>1241</v>
      </c>
      <c r="E92" s="12">
        <v>364</v>
      </c>
      <c r="F92" s="13">
        <v>789</v>
      </c>
      <c r="G92" s="14">
        <v>88</v>
      </c>
    </row>
    <row r="93" spans="2:7" x14ac:dyDescent="0.2">
      <c r="B93" s="29"/>
      <c r="C93" s="8"/>
      <c r="D93" s="15">
        <v>100</v>
      </c>
      <c r="E93" s="16">
        <v>29.3</v>
      </c>
      <c r="F93" s="17">
        <v>63.6</v>
      </c>
      <c r="G93" s="18">
        <v>7.1</v>
      </c>
    </row>
    <row r="94" spans="2:7" x14ac:dyDescent="0.2">
      <c r="B94" s="29"/>
      <c r="C94" s="2" t="s">
        <v>21</v>
      </c>
      <c r="D94" s="19">
        <v>65</v>
      </c>
      <c r="E94" s="20">
        <v>20</v>
      </c>
      <c r="F94" s="21">
        <v>41</v>
      </c>
      <c r="G94" s="22">
        <v>4</v>
      </c>
    </row>
    <row r="95" spans="2:7" x14ac:dyDescent="0.2">
      <c r="B95" s="29"/>
      <c r="C95" s="7"/>
      <c r="D95" s="23">
        <v>100</v>
      </c>
      <c r="E95" s="24">
        <v>30.8</v>
      </c>
      <c r="F95" s="25">
        <v>63.1</v>
      </c>
      <c r="G95" s="26">
        <v>6.2</v>
      </c>
    </row>
    <row r="96" spans="2:7" x14ac:dyDescent="0.2">
      <c r="B96" s="29"/>
      <c r="C96" s="2" t="s">
        <v>20</v>
      </c>
      <c r="D96" s="19">
        <v>7</v>
      </c>
      <c r="E96" s="20">
        <v>3</v>
      </c>
      <c r="F96" s="21">
        <v>4</v>
      </c>
      <c r="G96" s="22" t="s">
        <v>152</v>
      </c>
    </row>
    <row r="97" spans="2:7" x14ac:dyDescent="0.2">
      <c r="B97" s="29"/>
      <c r="C97" s="7"/>
      <c r="D97" s="23">
        <v>100</v>
      </c>
      <c r="E97" s="24">
        <v>42.9</v>
      </c>
      <c r="F97" s="25">
        <v>57.1</v>
      </c>
      <c r="G97" s="26" t="s">
        <v>152</v>
      </c>
    </row>
    <row r="98" spans="2:7" x14ac:dyDescent="0.2">
      <c r="B98" s="29"/>
      <c r="C98" s="2" t="s">
        <v>19</v>
      </c>
      <c r="D98" s="19">
        <v>484</v>
      </c>
      <c r="E98" s="20">
        <v>158</v>
      </c>
      <c r="F98" s="21">
        <v>311</v>
      </c>
      <c r="G98" s="22">
        <v>15</v>
      </c>
    </row>
    <row r="99" spans="2:7" x14ac:dyDescent="0.2">
      <c r="B99" s="29"/>
      <c r="C99" s="7"/>
      <c r="D99" s="23">
        <v>100</v>
      </c>
      <c r="E99" s="24">
        <v>32.6</v>
      </c>
      <c r="F99" s="25">
        <v>64.3</v>
      </c>
      <c r="G99" s="26">
        <v>3.1</v>
      </c>
    </row>
    <row r="100" spans="2:7" x14ac:dyDescent="0.2">
      <c r="B100" s="29"/>
      <c r="C100" s="2" t="s">
        <v>18</v>
      </c>
      <c r="D100" s="19">
        <v>195</v>
      </c>
      <c r="E100" s="20">
        <v>53</v>
      </c>
      <c r="F100" s="21">
        <v>128</v>
      </c>
      <c r="G100" s="22">
        <v>14</v>
      </c>
    </row>
    <row r="101" spans="2:7" x14ac:dyDescent="0.2">
      <c r="B101" s="29"/>
      <c r="C101" s="7"/>
      <c r="D101" s="23">
        <v>100</v>
      </c>
      <c r="E101" s="24">
        <v>27.2</v>
      </c>
      <c r="F101" s="25">
        <v>65.599999999999994</v>
      </c>
      <c r="G101" s="26">
        <v>7.2</v>
      </c>
    </row>
    <row r="102" spans="2:7" x14ac:dyDescent="0.2">
      <c r="B102" s="29"/>
      <c r="C102" s="2" t="s">
        <v>17</v>
      </c>
      <c r="D102" s="19">
        <v>1</v>
      </c>
      <c r="E102" s="20" t="s">
        <v>152</v>
      </c>
      <c r="F102" s="21">
        <v>1</v>
      </c>
      <c r="G102" s="22" t="s">
        <v>152</v>
      </c>
    </row>
    <row r="103" spans="2:7" x14ac:dyDescent="0.2">
      <c r="B103" s="29"/>
      <c r="C103" s="7"/>
      <c r="D103" s="23">
        <v>100</v>
      </c>
      <c r="E103" s="24" t="s">
        <v>152</v>
      </c>
      <c r="F103" s="25">
        <v>100</v>
      </c>
      <c r="G103" s="26" t="s">
        <v>152</v>
      </c>
    </row>
    <row r="104" spans="2:7" x14ac:dyDescent="0.2">
      <c r="B104" s="29"/>
      <c r="C104" s="2" t="s">
        <v>151</v>
      </c>
      <c r="D104" s="19">
        <v>178</v>
      </c>
      <c r="E104" s="20">
        <v>48</v>
      </c>
      <c r="F104" s="21">
        <v>112</v>
      </c>
      <c r="G104" s="22">
        <v>18</v>
      </c>
    </row>
    <row r="105" spans="2:7" x14ac:dyDescent="0.2">
      <c r="B105" s="29"/>
      <c r="C105" s="7"/>
      <c r="D105" s="23">
        <v>100</v>
      </c>
      <c r="E105" s="24">
        <v>27</v>
      </c>
      <c r="F105" s="25">
        <v>62.9</v>
      </c>
      <c r="G105" s="26">
        <v>10.1</v>
      </c>
    </row>
    <row r="106" spans="2:7" x14ac:dyDescent="0.2">
      <c r="B106" s="29"/>
      <c r="C106" s="2" t="s">
        <v>16</v>
      </c>
      <c r="D106" s="19">
        <v>10</v>
      </c>
      <c r="E106" s="20">
        <v>5</v>
      </c>
      <c r="F106" s="21">
        <v>5</v>
      </c>
      <c r="G106" s="22" t="s">
        <v>152</v>
      </c>
    </row>
    <row r="107" spans="2:7" x14ac:dyDescent="0.2">
      <c r="B107" s="29"/>
      <c r="C107" s="7"/>
      <c r="D107" s="23">
        <v>100</v>
      </c>
      <c r="E107" s="24">
        <v>50</v>
      </c>
      <c r="F107" s="25">
        <v>50</v>
      </c>
      <c r="G107" s="26" t="s">
        <v>152</v>
      </c>
    </row>
    <row r="108" spans="2:7" x14ac:dyDescent="0.2">
      <c r="B108" s="29"/>
      <c r="C108" s="2" t="s">
        <v>15</v>
      </c>
      <c r="D108" s="19">
        <v>211</v>
      </c>
      <c r="E108" s="20">
        <v>51</v>
      </c>
      <c r="F108" s="21">
        <v>140</v>
      </c>
      <c r="G108" s="22">
        <v>20</v>
      </c>
    </row>
    <row r="109" spans="2:7" x14ac:dyDescent="0.2">
      <c r="B109" s="29"/>
      <c r="C109" s="7"/>
      <c r="D109" s="23">
        <v>100</v>
      </c>
      <c r="E109" s="24">
        <v>24.2</v>
      </c>
      <c r="F109" s="25">
        <v>66.400000000000006</v>
      </c>
      <c r="G109" s="26">
        <v>9.5</v>
      </c>
    </row>
    <row r="110" spans="2:7" x14ac:dyDescent="0.2">
      <c r="B110" s="29"/>
      <c r="C110" s="2" t="s">
        <v>14</v>
      </c>
      <c r="D110" s="19">
        <v>12</v>
      </c>
      <c r="E110" s="20">
        <v>3</v>
      </c>
      <c r="F110" s="21">
        <v>7</v>
      </c>
      <c r="G110" s="22">
        <v>2</v>
      </c>
    </row>
    <row r="111" spans="2:7" x14ac:dyDescent="0.2">
      <c r="B111" s="29"/>
      <c r="C111" s="7"/>
      <c r="D111" s="23">
        <v>100</v>
      </c>
      <c r="E111" s="24">
        <v>25</v>
      </c>
      <c r="F111" s="25">
        <v>58.3</v>
      </c>
      <c r="G111" s="26">
        <v>16.7</v>
      </c>
    </row>
    <row r="112" spans="2:7" x14ac:dyDescent="0.2">
      <c r="B112" s="29"/>
      <c r="C112" s="2" t="s">
        <v>13</v>
      </c>
      <c r="D112" s="19">
        <v>78</v>
      </c>
      <c r="E112" s="20">
        <v>23</v>
      </c>
      <c r="F112" s="21">
        <v>40</v>
      </c>
      <c r="G112" s="22">
        <v>15</v>
      </c>
    </row>
    <row r="113" spans="2:7" x14ac:dyDescent="0.2">
      <c r="B113" s="30"/>
      <c r="C113" s="10"/>
      <c r="D113" s="15">
        <v>100</v>
      </c>
      <c r="E113" s="16">
        <v>29.5</v>
      </c>
      <c r="F113" s="17">
        <v>51.3</v>
      </c>
      <c r="G113" s="18">
        <v>19.2</v>
      </c>
    </row>
    <row r="114" spans="2:7" x14ac:dyDescent="0.2">
      <c r="B114" s="28" t="s">
        <v>31</v>
      </c>
      <c r="C114" s="9" t="s">
        <v>12</v>
      </c>
      <c r="D114" s="11">
        <v>752</v>
      </c>
      <c r="E114" s="12">
        <v>234</v>
      </c>
      <c r="F114" s="13">
        <v>485</v>
      </c>
      <c r="G114" s="14">
        <v>33</v>
      </c>
    </row>
    <row r="115" spans="2:7" x14ac:dyDescent="0.2">
      <c r="B115" s="29"/>
      <c r="C115" s="8"/>
      <c r="D115" s="15">
        <v>100</v>
      </c>
      <c r="E115" s="16">
        <v>31.1</v>
      </c>
      <c r="F115" s="17">
        <v>64.5</v>
      </c>
      <c r="G115" s="18">
        <v>4.4000000000000004</v>
      </c>
    </row>
    <row r="116" spans="2:7" x14ac:dyDescent="0.2">
      <c r="B116" s="29"/>
      <c r="C116" s="2" t="s">
        <v>11</v>
      </c>
      <c r="D116" s="19">
        <v>2</v>
      </c>
      <c r="E116" s="20">
        <v>1</v>
      </c>
      <c r="F116" s="21">
        <v>1</v>
      </c>
      <c r="G116" s="22" t="s">
        <v>152</v>
      </c>
    </row>
    <row r="117" spans="2:7" x14ac:dyDescent="0.2">
      <c r="B117" s="29"/>
      <c r="C117" s="7"/>
      <c r="D117" s="23">
        <v>100</v>
      </c>
      <c r="E117" s="24">
        <v>50</v>
      </c>
      <c r="F117" s="25">
        <v>50</v>
      </c>
      <c r="G117" s="26" t="s">
        <v>152</v>
      </c>
    </row>
    <row r="118" spans="2:7" x14ac:dyDescent="0.2">
      <c r="B118" s="29"/>
      <c r="C118" s="2" t="s">
        <v>10</v>
      </c>
      <c r="D118" s="19">
        <v>32</v>
      </c>
      <c r="E118" s="20">
        <v>11</v>
      </c>
      <c r="F118" s="21">
        <v>19</v>
      </c>
      <c r="G118" s="22">
        <v>2</v>
      </c>
    </row>
    <row r="119" spans="2:7" x14ac:dyDescent="0.2">
      <c r="B119" s="29"/>
      <c r="C119" s="7"/>
      <c r="D119" s="23">
        <v>100</v>
      </c>
      <c r="E119" s="24">
        <v>34.4</v>
      </c>
      <c r="F119" s="25">
        <v>59.4</v>
      </c>
      <c r="G119" s="26">
        <v>6.3</v>
      </c>
    </row>
    <row r="120" spans="2:7" x14ac:dyDescent="0.2">
      <c r="B120" s="29"/>
      <c r="C120" s="2" t="s">
        <v>9</v>
      </c>
      <c r="D120" s="19">
        <v>33</v>
      </c>
      <c r="E120" s="20">
        <v>9</v>
      </c>
      <c r="F120" s="21">
        <v>22</v>
      </c>
      <c r="G120" s="22">
        <v>2</v>
      </c>
    </row>
    <row r="121" spans="2:7" x14ac:dyDescent="0.2">
      <c r="B121" s="29"/>
      <c r="C121" s="7"/>
      <c r="D121" s="23">
        <v>100</v>
      </c>
      <c r="E121" s="24">
        <v>27.3</v>
      </c>
      <c r="F121" s="25">
        <v>66.7</v>
      </c>
      <c r="G121" s="26">
        <v>6.1</v>
      </c>
    </row>
    <row r="122" spans="2:7" x14ac:dyDescent="0.2">
      <c r="B122" s="29"/>
      <c r="C122" s="2" t="s">
        <v>8</v>
      </c>
      <c r="D122" s="19">
        <v>71</v>
      </c>
      <c r="E122" s="20">
        <v>30</v>
      </c>
      <c r="F122" s="21">
        <v>40</v>
      </c>
      <c r="G122" s="22">
        <v>1</v>
      </c>
    </row>
    <row r="123" spans="2:7" x14ac:dyDescent="0.2">
      <c r="B123" s="29"/>
      <c r="C123" s="7"/>
      <c r="D123" s="23">
        <v>100</v>
      </c>
      <c r="E123" s="24">
        <v>42.3</v>
      </c>
      <c r="F123" s="25">
        <v>56.3</v>
      </c>
      <c r="G123" s="26">
        <v>1.4</v>
      </c>
    </row>
    <row r="124" spans="2:7" x14ac:dyDescent="0.2">
      <c r="B124" s="29"/>
      <c r="C124" s="2" t="s">
        <v>7</v>
      </c>
      <c r="D124" s="19">
        <v>152</v>
      </c>
      <c r="E124" s="20">
        <v>51</v>
      </c>
      <c r="F124" s="21">
        <v>97</v>
      </c>
      <c r="G124" s="22">
        <v>4</v>
      </c>
    </row>
    <row r="125" spans="2:7" x14ac:dyDescent="0.2">
      <c r="B125" s="29"/>
      <c r="C125" s="7"/>
      <c r="D125" s="23">
        <v>100</v>
      </c>
      <c r="E125" s="24">
        <v>33.6</v>
      </c>
      <c r="F125" s="25">
        <v>63.8</v>
      </c>
      <c r="G125" s="26">
        <v>2.6</v>
      </c>
    </row>
    <row r="126" spans="2:7" x14ac:dyDescent="0.2">
      <c r="B126" s="29"/>
      <c r="C126" s="2" t="s">
        <v>6</v>
      </c>
      <c r="D126" s="19">
        <v>176</v>
      </c>
      <c r="E126" s="20">
        <v>53</v>
      </c>
      <c r="F126" s="21">
        <v>113</v>
      </c>
      <c r="G126" s="22">
        <v>10</v>
      </c>
    </row>
    <row r="127" spans="2:7" x14ac:dyDescent="0.2">
      <c r="B127" s="29"/>
      <c r="C127" s="7"/>
      <c r="D127" s="23">
        <v>100</v>
      </c>
      <c r="E127" s="24">
        <v>30.1</v>
      </c>
      <c r="F127" s="25">
        <v>64.2</v>
      </c>
      <c r="G127" s="26">
        <v>5.7</v>
      </c>
    </row>
    <row r="128" spans="2:7" x14ac:dyDescent="0.2">
      <c r="B128" s="29"/>
      <c r="C128" s="2" t="s">
        <v>5</v>
      </c>
      <c r="D128" s="19">
        <v>37</v>
      </c>
      <c r="E128" s="20">
        <v>11</v>
      </c>
      <c r="F128" s="21">
        <v>25</v>
      </c>
      <c r="G128" s="22">
        <v>1</v>
      </c>
    </row>
    <row r="129" spans="2:7" x14ac:dyDescent="0.2">
      <c r="B129" s="29"/>
      <c r="C129" s="7"/>
      <c r="D129" s="23">
        <v>100</v>
      </c>
      <c r="E129" s="24">
        <v>29.7</v>
      </c>
      <c r="F129" s="25">
        <v>67.599999999999994</v>
      </c>
      <c r="G129" s="26">
        <v>2.7</v>
      </c>
    </row>
    <row r="130" spans="2:7" x14ac:dyDescent="0.2">
      <c r="B130" s="29"/>
      <c r="C130" s="2" t="s">
        <v>4</v>
      </c>
      <c r="D130" s="19">
        <v>67</v>
      </c>
      <c r="E130" s="20">
        <v>23</v>
      </c>
      <c r="F130" s="21">
        <v>44</v>
      </c>
      <c r="G130" s="22" t="s">
        <v>152</v>
      </c>
    </row>
    <row r="131" spans="2:7" x14ac:dyDescent="0.2">
      <c r="B131" s="29"/>
      <c r="C131" s="7"/>
      <c r="D131" s="23">
        <v>100</v>
      </c>
      <c r="E131" s="24">
        <v>34.299999999999997</v>
      </c>
      <c r="F131" s="25">
        <v>65.7</v>
      </c>
      <c r="G131" s="26" t="s">
        <v>152</v>
      </c>
    </row>
    <row r="132" spans="2:7" x14ac:dyDescent="0.2">
      <c r="B132" s="29"/>
      <c r="C132" s="2" t="s">
        <v>3</v>
      </c>
      <c r="D132" s="19">
        <v>159</v>
      </c>
      <c r="E132" s="20">
        <v>37</v>
      </c>
      <c r="F132" s="21">
        <v>111</v>
      </c>
      <c r="G132" s="22">
        <v>11</v>
      </c>
    </row>
    <row r="133" spans="2:7" x14ac:dyDescent="0.2">
      <c r="B133" s="29"/>
      <c r="C133" s="7"/>
      <c r="D133" s="23">
        <v>100</v>
      </c>
      <c r="E133" s="24">
        <v>23.3</v>
      </c>
      <c r="F133" s="25">
        <v>69.8</v>
      </c>
      <c r="G133" s="26">
        <v>6.9</v>
      </c>
    </row>
    <row r="134" spans="2:7" x14ac:dyDescent="0.2">
      <c r="B134" s="29"/>
      <c r="C134" s="2" t="s">
        <v>2</v>
      </c>
      <c r="D134" s="19">
        <v>23</v>
      </c>
      <c r="E134" s="20">
        <v>8</v>
      </c>
      <c r="F134" s="21">
        <v>13</v>
      </c>
      <c r="G134" s="22">
        <v>2</v>
      </c>
    </row>
    <row r="135" spans="2:7" x14ac:dyDescent="0.2">
      <c r="B135" s="30"/>
      <c r="C135" s="10"/>
      <c r="D135" s="15">
        <v>100</v>
      </c>
      <c r="E135" s="16">
        <v>34.799999999999997</v>
      </c>
      <c r="F135" s="17">
        <v>56.5</v>
      </c>
      <c r="G135" s="18">
        <v>8.699999999999999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69</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364</v>
      </c>
      <c r="F4" s="13">
        <v>789</v>
      </c>
      <c r="G4" s="14">
        <v>88</v>
      </c>
    </row>
    <row r="5" spans="2:7" x14ac:dyDescent="0.2">
      <c r="B5" s="29"/>
      <c r="C5" s="8"/>
      <c r="D5" s="15">
        <v>100</v>
      </c>
      <c r="E5" s="16">
        <v>29.3</v>
      </c>
      <c r="F5" s="17">
        <v>63.6</v>
      </c>
      <c r="G5" s="18">
        <v>7.1</v>
      </c>
    </row>
    <row r="6" spans="2:7" x14ac:dyDescent="0.2">
      <c r="B6" s="29"/>
      <c r="C6" s="2" t="s">
        <v>52</v>
      </c>
      <c r="D6" s="19">
        <v>557</v>
      </c>
      <c r="E6" s="20">
        <v>143</v>
      </c>
      <c r="F6" s="21">
        <v>367</v>
      </c>
      <c r="G6" s="22">
        <v>47</v>
      </c>
    </row>
    <row r="7" spans="2:7" x14ac:dyDescent="0.2">
      <c r="B7" s="29"/>
      <c r="C7" s="7"/>
      <c r="D7" s="23">
        <v>100</v>
      </c>
      <c r="E7" s="24">
        <v>25.7</v>
      </c>
      <c r="F7" s="25">
        <v>65.900000000000006</v>
      </c>
      <c r="G7" s="26">
        <v>8.4</v>
      </c>
    </row>
    <row r="8" spans="2:7" x14ac:dyDescent="0.2">
      <c r="B8" s="29"/>
      <c r="C8" s="2" t="s">
        <v>51</v>
      </c>
      <c r="D8" s="19">
        <v>595</v>
      </c>
      <c r="E8" s="20">
        <v>194</v>
      </c>
      <c r="F8" s="21">
        <v>373</v>
      </c>
      <c r="G8" s="22">
        <v>28</v>
      </c>
    </row>
    <row r="9" spans="2:7" x14ac:dyDescent="0.2">
      <c r="B9" s="29"/>
      <c r="C9" s="7"/>
      <c r="D9" s="23">
        <v>100</v>
      </c>
      <c r="E9" s="24">
        <v>32.6</v>
      </c>
      <c r="F9" s="25">
        <v>62.7</v>
      </c>
      <c r="G9" s="26">
        <v>4.7</v>
      </c>
    </row>
    <row r="10" spans="2:7" x14ac:dyDescent="0.2">
      <c r="B10" s="29"/>
      <c r="C10" s="2" t="s">
        <v>13</v>
      </c>
      <c r="D10" s="19">
        <v>89</v>
      </c>
      <c r="E10" s="20">
        <v>27</v>
      </c>
      <c r="F10" s="21">
        <v>49</v>
      </c>
      <c r="G10" s="22">
        <v>13</v>
      </c>
    </row>
    <row r="11" spans="2:7" x14ac:dyDescent="0.2">
      <c r="B11" s="30"/>
      <c r="C11" s="10"/>
      <c r="D11" s="15">
        <v>100</v>
      </c>
      <c r="E11" s="16">
        <v>30.3</v>
      </c>
      <c r="F11" s="17">
        <v>55.1</v>
      </c>
      <c r="G11" s="18">
        <v>14.6</v>
      </c>
    </row>
    <row r="12" spans="2:7" x14ac:dyDescent="0.2">
      <c r="B12" s="28" t="s">
        <v>54</v>
      </c>
      <c r="C12" s="9" t="s">
        <v>12</v>
      </c>
      <c r="D12" s="11">
        <v>1241</v>
      </c>
      <c r="E12" s="12">
        <v>364</v>
      </c>
      <c r="F12" s="13">
        <v>789</v>
      </c>
      <c r="G12" s="14">
        <v>88</v>
      </c>
    </row>
    <row r="13" spans="2:7" x14ac:dyDescent="0.2">
      <c r="B13" s="29"/>
      <c r="C13" s="8"/>
      <c r="D13" s="15">
        <v>100</v>
      </c>
      <c r="E13" s="16">
        <v>29.3</v>
      </c>
      <c r="F13" s="17">
        <v>63.6</v>
      </c>
      <c r="G13" s="18">
        <v>7.1</v>
      </c>
    </row>
    <row r="14" spans="2:7" x14ac:dyDescent="0.2">
      <c r="B14" s="29"/>
      <c r="C14" s="2" t="s">
        <v>50</v>
      </c>
      <c r="D14" s="19">
        <v>84</v>
      </c>
      <c r="E14" s="20">
        <v>33</v>
      </c>
      <c r="F14" s="21">
        <v>51</v>
      </c>
      <c r="G14" s="22" t="s">
        <v>152</v>
      </c>
    </row>
    <row r="15" spans="2:7" x14ac:dyDescent="0.2">
      <c r="B15" s="29"/>
      <c r="C15" s="7"/>
      <c r="D15" s="23">
        <v>100</v>
      </c>
      <c r="E15" s="24">
        <v>39.299999999999997</v>
      </c>
      <c r="F15" s="25">
        <v>60.7</v>
      </c>
      <c r="G15" s="26" t="s">
        <v>152</v>
      </c>
    </row>
    <row r="16" spans="2:7" x14ac:dyDescent="0.2">
      <c r="B16" s="29"/>
      <c r="C16" s="2" t="s">
        <v>49</v>
      </c>
      <c r="D16" s="19">
        <v>97</v>
      </c>
      <c r="E16" s="20">
        <v>36</v>
      </c>
      <c r="F16" s="21">
        <v>60</v>
      </c>
      <c r="G16" s="22">
        <v>1</v>
      </c>
    </row>
    <row r="17" spans="2:7" x14ac:dyDescent="0.2">
      <c r="B17" s="29"/>
      <c r="C17" s="7"/>
      <c r="D17" s="23">
        <v>100</v>
      </c>
      <c r="E17" s="24">
        <v>37.1</v>
      </c>
      <c r="F17" s="25">
        <v>61.9</v>
      </c>
      <c r="G17" s="26">
        <v>1</v>
      </c>
    </row>
    <row r="18" spans="2:7" x14ac:dyDescent="0.2">
      <c r="B18" s="29"/>
      <c r="C18" s="2" t="s">
        <v>48</v>
      </c>
      <c r="D18" s="19">
        <v>79</v>
      </c>
      <c r="E18" s="20">
        <v>23</v>
      </c>
      <c r="F18" s="21">
        <v>52</v>
      </c>
      <c r="G18" s="22">
        <v>4</v>
      </c>
    </row>
    <row r="19" spans="2:7" x14ac:dyDescent="0.2">
      <c r="B19" s="29"/>
      <c r="C19" s="7"/>
      <c r="D19" s="23">
        <v>100</v>
      </c>
      <c r="E19" s="24">
        <v>29.1</v>
      </c>
      <c r="F19" s="25">
        <v>65.8</v>
      </c>
      <c r="G19" s="26">
        <v>5.0999999999999996</v>
      </c>
    </row>
    <row r="20" spans="2:7" x14ac:dyDescent="0.2">
      <c r="B20" s="29"/>
      <c r="C20" s="2" t="s">
        <v>47</v>
      </c>
      <c r="D20" s="19">
        <v>72</v>
      </c>
      <c r="E20" s="20">
        <v>16</v>
      </c>
      <c r="F20" s="21">
        <v>51</v>
      </c>
      <c r="G20" s="22">
        <v>5</v>
      </c>
    </row>
    <row r="21" spans="2:7" x14ac:dyDescent="0.2">
      <c r="B21" s="29"/>
      <c r="C21" s="7"/>
      <c r="D21" s="23">
        <v>100</v>
      </c>
      <c r="E21" s="24">
        <v>22.2</v>
      </c>
      <c r="F21" s="25">
        <v>70.8</v>
      </c>
      <c r="G21" s="26">
        <v>6.9</v>
      </c>
    </row>
    <row r="22" spans="2:7" x14ac:dyDescent="0.2">
      <c r="B22" s="29"/>
      <c r="C22" s="2" t="s">
        <v>46</v>
      </c>
      <c r="D22" s="19">
        <v>15</v>
      </c>
      <c r="E22" s="20">
        <v>6</v>
      </c>
      <c r="F22" s="21">
        <v>8</v>
      </c>
      <c r="G22" s="22">
        <v>1</v>
      </c>
    </row>
    <row r="23" spans="2:7" x14ac:dyDescent="0.2">
      <c r="B23" s="29"/>
      <c r="C23" s="7"/>
      <c r="D23" s="23">
        <v>100</v>
      </c>
      <c r="E23" s="24">
        <v>40</v>
      </c>
      <c r="F23" s="25">
        <v>53.3</v>
      </c>
      <c r="G23" s="26">
        <v>6.7</v>
      </c>
    </row>
    <row r="24" spans="2:7" x14ac:dyDescent="0.2">
      <c r="B24" s="29"/>
      <c r="C24" s="2" t="s">
        <v>45</v>
      </c>
      <c r="D24" s="19">
        <v>77</v>
      </c>
      <c r="E24" s="20">
        <v>25</v>
      </c>
      <c r="F24" s="21">
        <v>46</v>
      </c>
      <c r="G24" s="22">
        <v>6</v>
      </c>
    </row>
    <row r="25" spans="2:7" x14ac:dyDescent="0.2">
      <c r="B25" s="29"/>
      <c r="C25" s="7"/>
      <c r="D25" s="23">
        <v>100</v>
      </c>
      <c r="E25" s="24">
        <v>32.5</v>
      </c>
      <c r="F25" s="25">
        <v>59.7</v>
      </c>
      <c r="G25" s="26">
        <v>7.8</v>
      </c>
    </row>
    <row r="26" spans="2:7" x14ac:dyDescent="0.2">
      <c r="B26" s="29"/>
      <c r="C26" s="2" t="s">
        <v>44</v>
      </c>
      <c r="D26" s="19">
        <v>260</v>
      </c>
      <c r="E26" s="20">
        <v>65</v>
      </c>
      <c r="F26" s="21">
        <v>168</v>
      </c>
      <c r="G26" s="22">
        <v>27</v>
      </c>
    </row>
    <row r="27" spans="2:7" x14ac:dyDescent="0.2">
      <c r="B27" s="29"/>
      <c r="C27" s="7"/>
      <c r="D27" s="23">
        <v>100</v>
      </c>
      <c r="E27" s="24">
        <v>25</v>
      </c>
      <c r="F27" s="25">
        <v>64.599999999999994</v>
      </c>
      <c r="G27" s="26">
        <v>10.4</v>
      </c>
    </row>
    <row r="28" spans="2:7" x14ac:dyDescent="0.2">
      <c r="B28" s="29"/>
      <c r="C28" s="2" t="s">
        <v>43</v>
      </c>
      <c r="D28" s="19">
        <v>334</v>
      </c>
      <c r="E28" s="20">
        <v>84</v>
      </c>
      <c r="F28" s="21">
        <v>220</v>
      </c>
      <c r="G28" s="22">
        <v>30</v>
      </c>
    </row>
    <row r="29" spans="2:7" x14ac:dyDescent="0.2">
      <c r="B29" s="29"/>
      <c r="C29" s="7"/>
      <c r="D29" s="23">
        <v>100</v>
      </c>
      <c r="E29" s="24">
        <v>25.1</v>
      </c>
      <c r="F29" s="25">
        <v>65.900000000000006</v>
      </c>
      <c r="G29" s="26">
        <v>9</v>
      </c>
    </row>
    <row r="30" spans="2:7" x14ac:dyDescent="0.2">
      <c r="B30" s="29"/>
      <c r="C30" s="2" t="s">
        <v>14</v>
      </c>
      <c r="D30" s="19">
        <v>28</v>
      </c>
      <c r="E30" s="20">
        <v>2</v>
      </c>
      <c r="F30" s="21">
        <v>25</v>
      </c>
      <c r="G30" s="22">
        <v>1</v>
      </c>
    </row>
    <row r="31" spans="2:7" x14ac:dyDescent="0.2">
      <c r="B31" s="29"/>
      <c r="C31" s="7"/>
      <c r="D31" s="23">
        <v>100</v>
      </c>
      <c r="E31" s="24">
        <v>7.1</v>
      </c>
      <c r="F31" s="25">
        <v>89.3</v>
      </c>
      <c r="G31" s="26">
        <v>3.6</v>
      </c>
    </row>
    <row r="32" spans="2:7" x14ac:dyDescent="0.2">
      <c r="B32" s="29"/>
      <c r="C32" s="2" t="s">
        <v>42</v>
      </c>
      <c r="D32" s="19">
        <v>390</v>
      </c>
      <c r="E32" s="20">
        <v>122</v>
      </c>
      <c r="F32" s="21">
        <v>250</v>
      </c>
      <c r="G32" s="22">
        <v>18</v>
      </c>
    </row>
    <row r="33" spans="2:7" x14ac:dyDescent="0.2">
      <c r="B33" s="29"/>
      <c r="C33" s="7"/>
      <c r="D33" s="23">
        <v>100</v>
      </c>
      <c r="E33" s="24">
        <v>31.3</v>
      </c>
      <c r="F33" s="25">
        <v>64.099999999999994</v>
      </c>
      <c r="G33" s="26">
        <v>4.5999999999999996</v>
      </c>
    </row>
    <row r="34" spans="2:7" x14ac:dyDescent="0.2">
      <c r="B34" s="29"/>
      <c r="C34" s="2" t="s">
        <v>13</v>
      </c>
      <c r="D34" s="19">
        <v>70</v>
      </c>
      <c r="E34" s="20">
        <v>23</v>
      </c>
      <c r="F34" s="21">
        <v>34</v>
      </c>
      <c r="G34" s="22">
        <v>13</v>
      </c>
    </row>
    <row r="35" spans="2:7" x14ac:dyDescent="0.2">
      <c r="B35" s="30"/>
      <c r="C35" s="10"/>
      <c r="D35" s="15">
        <v>100</v>
      </c>
      <c r="E35" s="16">
        <v>32.9</v>
      </c>
      <c r="F35" s="17">
        <v>48.6</v>
      </c>
      <c r="G35" s="18">
        <v>18.600000000000001</v>
      </c>
    </row>
    <row r="36" spans="2:7" x14ac:dyDescent="0.2">
      <c r="B36" s="28" t="s">
        <v>53</v>
      </c>
      <c r="C36" s="9" t="s">
        <v>12</v>
      </c>
      <c r="D36" s="11">
        <v>1241</v>
      </c>
      <c r="E36" s="12">
        <v>364</v>
      </c>
      <c r="F36" s="13">
        <v>789</v>
      </c>
      <c r="G36" s="14">
        <v>88</v>
      </c>
    </row>
    <row r="37" spans="2:7" x14ac:dyDescent="0.2">
      <c r="B37" s="29"/>
      <c r="C37" s="8"/>
      <c r="D37" s="15">
        <v>100</v>
      </c>
      <c r="E37" s="16">
        <v>29.3</v>
      </c>
      <c r="F37" s="17">
        <v>63.6</v>
      </c>
      <c r="G37" s="18">
        <v>7.1</v>
      </c>
    </row>
    <row r="38" spans="2:7" x14ac:dyDescent="0.2">
      <c r="B38" s="29"/>
      <c r="C38" s="2" t="s">
        <v>41</v>
      </c>
      <c r="D38" s="19">
        <v>799</v>
      </c>
      <c r="E38" s="20">
        <v>249</v>
      </c>
      <c r="F38" s="21">
        <v>517</v>
      </c>
      <c r="G38" s="22">
        <v>33</v>
      </c>
    </row>
    <row r="39" spans="2:7" x14ac:dyDescent="0.2">
      <c r="B39" s="29"/>
      <c r="C39" s="7"/>
      <c r="D39" s="23">
        <v>100</v>
      </c>
      <c r="E39" s="24">
        <v>31.2</v>
      </c>
      <c r="F39" s="25">
        <v>64.7</v>
      </c>
      <c r="G39" s="26">
        <v>4.0999999999999996</v>
      </c>
    </row>
    <row r="40" spans="2:7" x14ac:dyDescent="0.2">
      <c r="B40" s="29"/>
      <c r="C40" s="2" t="s">
        <v>40</v>
      </c>
      <c r="D40" s="19">
        <v>182</v>
      </c>
      <c r="E40" s="20">
        <v>46</v>
      </c>
      <c r="F40" s="21">
        <v>119</v>
      </c>
      <c r="G40" s="22">
        <v>17</v>
      </c>
    </row>
    <row r="41" spans="2:7" x14ac:dyDescent="0.2">
      <c r="B41" s="29"/>
      <c r="C41" s="7"/>
      <c r="D41" s="23">
        <v>100</v>
      </c>
      <c r="E41" s="24">
        <v>25.3</v>
      </c>
      <c r="F41" s="25">
        <v>65.400000000000006</v>
      </c>
      <c r="G41" s="26">
        <v>9.3000000000000007</v>
      </c>
    </row>
    <row r="42" spans="2:7" x14ac:dyDescent="0.2">
      <c r="B42" s="29"/>
      <c r="C42" s="2" t="s">
        <v>39</v>
      </c>
      <c r="D42" s="19">
        <v>72</v>
      </c>
      <c r="E42" s="20">
        <v>19</v>
      </c>
      <c r="F42" s="21">
        <v>45</v>
      </c>
      <c r="G42" s="22">
        <v>8</v>
      </c>
    </row>
    <row r="43" spans="2:7" x14ac:dyDescent="0.2">
      <c r="B43" s="29"/>
      <c r="C43" s="7"/>
      <c r="D43" s="23">
        <v>100</v>
      </c>
      <c r="E43" s="24">
        <v>26.4</v>
      </c>
      <c r="F43" s="25">
        <v>62.5</v>
      </c>
      <c r="G43" s="26">
        <v>11.1</v>
      </c>
    </row>
    <row r="44" spans="2:7" x14ac:dyDescent="0.2">
      <c r="B44" s="29"/>
      <c r="C44" s="2" t="s">
        <v>38</v>
      </c>
      <c r="D44" s="19">
        <v>127</v>
      </c>
      <c r="E44" s="20">
        <v>30</v>
      </c>
      <c r="F44" s="21">
        <v>79</v>
      </c>
      <c r="G44" s="22">
        <v>18</v>
      </c>
    </row>
    <row r="45" spans="2:7" x14ac:dyDescent="0.2">
      <c r="B45" s="29"/>
      <c r="C45" s="7"/>
      <c r="D45" s="23">
        <v>100</v>
      </c>
      <c r="E45" s="24">
        <v>23.6</v>
      </c>
      <c r="F45" s="25">
        <v>62.2</v>
      </c>
      <c r="G45" s="26">
        <v>14.2</v>
      </c>
    </row>
    <row r="46" spans="2:7" x14ac:dyDescent="0.2">
      <c r="B46" s="29"/>
      <c r="C46" s="2" t="s">
        <v>13</v>
      </c>
      <c r="D46" s="19">
        <v>61</v>
      </c>
      <c r="E46" s="20">
        <v>20</v>
      </c>
      <c r="F46" s="21">
        <v>29</v>
      </c>
      <c r="G46" s="22">
        <v>12</v>
      </c>
    </row>
    <row r="47" spans="2:7" x14ac:dyDescent="0.2">
      <c r="B47" s="30"/>
      <c r="C47" s="10"/>
      <c r="D47" s="15">
        <v>100</v>
      </c>
      <c r="E47" s="16">
        <v>32.799999999999997</v>
      </c>
      <c r="F47" s="17">
        <v>47.5</v>
      </c>
      <c r="G47" s="18">
        <v>19.7</v>
      </c>
    </row>
  </sheetData>
  <mergeCells count="3">
    <mergeCell ref="B4:B11"/>
    <mergeCell ref="B12:B35"/>
    <mergeCell ref="B36:B47"/>
  </mergeCells>
  <phoneticPr fontId="2"/>
  <pageMargins left="0.7" right="0.7" top="0.75" bottom="0.75" header="0.3" footer="0.3"/>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68</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779</v>
      </c>
      <c r="F4" s="13">
        <v>375</v>
      </c>
      <c r="G4" s="14">
        <v>87</v>
      </c>
    </row>
    <row r="5" spans="2:7" x14ac:dyDescent="0.2">
      <c r="B5" s="29"/>
      <c r="C5" s="8"/>
      <c r="D5" s="15">
        <v>100</v>
      </c>
      <c r="E5" s="16">
        <v>62.8</v>
      </c>
      <c r="F5" s="17">
        <v>30.2</v>
      </c>
      <c r="G5" s="18">
        <v>7</v>
      </c>
    </row>
    <row r="6" spans="2:7" x14ac:dyDescent="0.2">
      <c r="B6" s="29"/>
      <c r="C6" s="2" t="s">
        <v>30</v>
      </c>
      <c r="D6" s="19">
        <v>499</v>
      </c>
      <c r="E6" s="20">
        <v>320</v>
      </c>
      <c r="F6" s="21">
        <v>158</v>
      </c>
      <c r="G6" s="22">
        <v>21</v>
      </c>
    </row>
    <row r="7" spans="2:7" x14ac:dyDescent="0.2">
      <c r="B7" s="29"/>
      <c r="C7" s="7"/>
      <c r="D7" s="23">
        <v>100</v>
      </c>
      <c r="E7" s="24">
        <v>64.099999999999994</v>
      </c>
      <c r="F7" s="25">
        <v>31.7</v>
      </c>
      <c r="G7" s="26">
        <v>4.2</v>
      </c>
    </row>
    <row r="8" spans="2:7" x14ac:dyDescent="0.2">
      <c r="B8" s="29"/>
      <c r="C8" s="2" t="s">
        <v>29</v>
      </c>
      <c r="D8" s="19">
        <v>150</v>
      </c>
      <c r="E8" s="20">
        <v>98</v>
      </c>
      <c r="F8" s="21">
        <v>40</v>
      </c>
      <c r="G8" s="22">
        <v>12</v>
      </c>
    </row>
    <row r="9" spans="2:7" x14ac:dyDescent="0.2">
      <c r="B9" s="29"/>
      <c r="C9" s="7"/>
      <c r="D9" s="23">
        <v>100</v>
      </c>
      <c r="E9" s="24">
        <v>65.3</v>
      </c>
      <c r="F9" s="25">
        <v>26.7</v>
      </c>
      <c r="G9" s="26">
        <v>8</v>
      </c>
    </row>
    <row r="10" spans="2:7" x14ac:dyDescent="0.2">
      <c r="B10" s="29"/>
      <c r="C10" s="2" t="s">
        <v>28</v>
      </c>
      <c r="D10" s="19">
        <v>82</v>
      </c>
      <c r="E10" s="20">
        <v>59</v>
      </c>
      <c r="F10" s="21">
        <v>17</v>
      </c>
      <c r="G10" s="22">
        <v>6</v>
      </c>
    </row>
    <row r="11" spans="2:7" x14ac:dyDescent="0.2">
      <c r="B11" s="29"/>
      <c r="C11" s="7"/>
      <c r="D11" s="23">
        <v>100</v>
      </c>
      <c r="E11" s="24">
        <v>72</v>
      </c>
      <c r="F11" s="25">
        <v>20.7</v>
      </c>
      <c r="G11" s="26">
        <v>7.3</v>
      </c>
    </row>
    <row r="12" spans="2:7" x14ac:dyDescent="0.2">
      <c r="B12" s="29"/>
      <c r="C12" s="2" t="s">
        <v>27</v>
      </c>
      <c r="D12" s="19">
        <v>92</v>
      </c>
      <c r="E12" s="20">
        <v>50</v>
      </c>
      <c r="F12" s="21">
        <v>37</v>
      </c>
      <c r="G12" s="22">
        <v>5</v>
      </c>
    </row>
    <row r="13" spans="2:7" x14ac:dyDescent="0.2">
      <c r="B13" s="29"/>
      <c r="C13" s="7"/>
      <c r="D13" s="23">
        <v>100</v>
      </c>
      <c r="E13" s="24">
        <v>54.3</v>
      </c>
      <c r="F13" s="25">
        <v>40.200000000000003</v>
      </c>
      <c r="G13" s="26">
        <v>5.4</v>
      </c>
    </row>
    <row r="14" spans="2:7" x14ac:dyDescent="0.2">
      <c r="B14" s="29"/>
      <c r="C14" s="2" t="s">
        <v>26</v>
      </c>
      <c r="D14" s="19">
        <v>112</v>
      </c>
      <c r="E14" s="20">
        <v>71</v>
      </c>
      <c r="F14" s="21">
        <v>31</v>
      </c>
      <c r="G14" s="22">
        <v>10</v>
      </c>
    </row>
    <row r="15" spans="2:7" x14ac:dyDescent="0.2">
      <c r="B15" s="29"/>
      <c r="C15" s="7"/>
      <c r="D15" s="23">
        <v>100</v>
      </c>
      <c r="E15" s="24">
        <v>63.4</v>
      </c>
      <c r="F15" s="25">
        <v>27.7</v>
      </c>
      <c r="G15" s="26">
        <v>8.9</v>
      </c>
    </row>
    <row r="16" spans="2:7" x14ac:dyDescent="0.2">
      <c r="B16" s="29"/>
      <c r="C16" s="2" t="s">
        <v>25</v>
      </c>
      <c r="D16" s="19">
        <v>188</v>
      </c>
      <c r="E16" s="20">
        <v>110</v>
      </c>
      <c r="F16" s="21">
        <v>62</v>
      </c>
      <c r="G16" s="22">
        <v>16</v>
      </c>
    </row>
    <row r="17" spans="2:7" x14ac:dyDescent="0.2">
      <c r="B17" s="29"/>
      <c r="C17" s="7"/>
      <c r="D17" s="23">
        <v>100</v>
      </c>
      <c r="E17" s="24">
        <v>58.5</v>
      </c>
      <c r="F17" s="25">
        <v>33</v>
      </c>
      <c r="G17" s="26">
        <v>8.5</v>
      </c>
    </row>
    <row r="18" spans="2:7" x14ac:dyDescent="0.2">
      <c r="B18" s="29"/>
      <c r="C18" s="2" t="s">
        <v>24</v>
      </c>
      <c r="D18" s="19">
        <v>60</v>
      </c>
      <c r="E18" s="20">
        <v>42</v>
      </c>
      <c r="F18" s="21">
        <v>13</v>
      </c>
      <c r="G18" s="22">
        <v>5</v>
      </c>
    </row>
    <row r="19" spans="2:7" x14ac:dyDescent="0.2">
      <c r="B19" s="29"/>
      <c r="C19" s="7"/>
      <c r="D19" s="23">
        <v>100</v>
      </c>
      <c r="E19" s="24">
        <v>70</v>
      </c>
      <c r="F19" s="25">
        <v>21.7</v>
      </c>
      <c r="G19" s="26">
        <v>8.3000000000000007</v>
      </c>
    </row>
    <row r="20" spans="2:7" x14ac:dyDescent="0.2">
      <c r="B20" s="29"/>
      <c r="C20" s="2" t="s">
        <v>13</v>
      </c>
      <c r="D20" s="19">
        <v>58</v>
      </c>
      <c r="E20" s="20">
        <v>29</v>
      </c>
      <c r="F20" s="21">
        <v>17</v>
      </c>
      <c r="G20" s="22">
        <v>12</v>
      </c>
    </row>
    <row r="21" spans="2:7" x14ac:dyDescent="0.2">
      <c r="B21" s="30"/>
      <c r="C21" s="10"/>
      <c r="D21" s="15">
        <v>100</v>
      </c>
      <c r="E21" s="16">
        <v>50</v>
      </c>
      <c r="F21" s="17">
        <v>29.3</v>
      </c>
      <c r="G21" s="18">
        <v>20.7</v>
      </c>
    </row>
    <row r="22" spans="2:7" x14ac:dyDescent="0.2">
      <c r="B22" s="28" t="s">
        <v>35</v>
      </c>
      <c r="C22" s="9" t="s">
        <v>12</v>
      </c>
      <c r="D22" s="11">
        <v>1241</v>
      </c>
      <c r="E22" s="12">
        <v>779</v>
      </c>
      <c r="F22" s="13">
        <v>375</v>
      </c>
      <c r="G22" s="14">
        <v>87</v>
      </c>
    </row>
    <row r="23" spans="2:7" x14ac:dyDescent="0.2">
      <c r="B23" s="29"/>
      <c r="C23" s="8"/>
      <c r="D23" s="15">
        <v>100</v>
      </c>
      <c r="E23" s="16">
        <v>62.8</v>
      </c>
      <c r="F23" s="17">
        <v>30.2</v>
      </c>
      <c r="G23" s="18">
        <v>7</v>
      </c>
    </row>
    <row r="24" spans="2:7" x14ac:dyDescent="0.2">
      <c r="B24" s="29"/>
      <c r="C24" s="2" t="s">
        <v>23</v>
      </c>
      <c r="D24" s="19">
        <v>563</v>
      </c>
      <c r="E24" s="20">
        <v>367</v>
      </c>
      <c r="F24" s="21">
        <v>167</v>
      </c>
      <c r="G24" s="22">
        <v>29</v>
      </c>
    </row>
    <row r="25" spans="2:7" x14ac:dyDescent="0.2">
      <c r="B25" s="29"/>
      <c r="C25" s="7"/>
      <c r="D25" s="23">
        <v>100</v>
      </c>
      <c r="E25" s="24">
        <v>65.2</v>
      </c>
      <c r="F25" s="25">
        <v>29.7</v>
      </c>
      <c r="G25" s="26">
        <v>5.2</v>
      </c>
    </row>
    <row r="26" spans="2:7" x14ac:dyDescent="0.2">
      <c r="B26" s="29"/>
      <c r="C26" s="2" t="s">
        <v>22</v>
      </c>
      <c r="D26" s="19">
        <v>607</v>
      </c>
      <c r="E26" s="20">
        <v>373</v>
      </c>
      <c r="F26" s="21">
        <v>188</v>
      </c>
      <c r="G26" s="22">
        <v>46</v>
      </c>
    </row>
    <row r="27" spans="2:7" x14ac:dyDescent="0.2">
      <c r="B27" s="29"/>
      <c r="C27" s="7"/>
      <c r="D27" s="23">
        <v>100</v>
      </c>
      <c r="E27" s="24">
        <v>61.4</v>
      </c>
      <c r="F27" s="25">
        <v>31</v>
      </c>
      <c r="G27" s="26">
        <v>7.6</v>
      </c>
    </row>
    <row r="28" spans="2:7" x14ac:dyDescent="0.2">
      <c r="B28" s="29"/>
      <c r="C28" s="2" t="s">
        <v>13</v>
      </c>
      <c r="D28" s="19">
        <v>71</v>
      </c>
      <c r="E28" s="20">
        <v>39</v>
      </c>
      <c r="F28" s="21">
        <v>20</v>
      </c>
      <c r="G28" s="22">
        <v>12</v>
      </c>
    </row>
    <row r="29" spans="2:7" x14ac:dyDescent="0.2">
      <c r="B29" s="30"/>
      <c r="C29" s="10"/>
      <c r="D29" s="15">
        <v>100</v>
      </c>
      <c r="E29" s="16">
        <v>54.9</v>
      </c>
      <c r="F29" s="17">
        <v>28.2</v>
      </c>
      <c r="G29" s="18">
        <v>16.899999999999999</v>
      </c>
    </row>
    <row r="30" spans="2:7" x14ac:dyDescent="0.2">
      <c r="B30" s="28" t="s">
        <v>34</v>
      </c>
      <c r="C30" s="9" t="s">
        <v>12</v>
      </c>
      <c r="D30" s="11">
        <v>1241</v>
      </c>
      <c r="E30" s="12">
        <v>779</v>
      </c>
      <c r="F30" s="13">
        <v>375</v>
      </c>
      <c r="G30" s="14">
        <v>87</v>
      </c>
    </row>
    <row r="31" spans="2:7" x14ac:dyDescent="0.2">
      <c r="B31" s="29"/>
      <c r="C31" s="8"/>
      <c r="D31" s="15">
        <v>100</v>
      </c>
      <c r="E31" s="16">
        <v>62.8</v>
      </c>
      <c r="F31" s="17">
        <v>30.2</v>
      </c>
      <c r="G31" s="18">
        <v>7</v>
      </c>
    </row>
    <row r="32" spans="2:7" x14ac:dyDescent="0.2">
      <c r="B32" s="29"/>
      <c r="C32" s="2" t="s">
        <v>111</v>
      </c>
      <c r="D32" s="19">
        <v>3</v>
      </c>
      <c r="E32" s="20">
        <v>3</v>
      </c>
      <c r="F32" s="21" t="s">
        <v>152</v>
      </c>
      <c r="G32" s="22" t="s">
        <v>152</v>
      </c>
    </row>
    <row r="33" spans="2:7" x14ac:dyDescent="0.2">
      <c r="B33" s="29"/>
      <c r="C33" s="7"/>
      <c r="D33" s="23">
        <v>100</v>
      </c>
      <c r="E33" s="24">
        <v>100</v>
      </c>
      <c r="F33" s="25" t="s">
        <v>152</v>
      </c>
      <c r="G33" s="26" t="s">
        <v>152</v>
      </c>
    </row>
    <row r="34" spans="2:7" x14ac:dyDescent="0.2">
      <c r="B34" s="29"/>
      <c r="C34" s="2" t="s">
        <v>112</v>
      </c>
      <c r="D34" s="19">
        <v>51</v>
      </c>
      <c r="E34" s="20">
        <v>46</v>
      </c>
      <c r="F34" s="21">
        <v>5</v>
      </c>
      <c r="G34" s="22" t="s">
        <v>152</v>
      </c>
    </row>
    <row r="35" spans="2:7" x14ac:dyDescent="0.2">
      <c r="B35" s="29"/>
      <c r="C35" s="7"/>
      <c r="D35" s="23">
        <v>100</v>
      </c>
      <c r="E35" s="24">
        <v>90.2</v>
      </c>
      <c r="F35" s="25">
        <v>9.8000000000000007</v>
      </c>
      <c r="G35" s="26" t="s">
        <v>152</v>
      </c>
    </row>
    <row r="36" spans="2:7" x14ac:dyDescent="0.2">
      <c r="B36" s="29"/>
      <c r="C36" s="2" t="s">
        <v>147</v>
      </c>
      <c r="D36" s="19">
        <v>54</v>
      </c>
      <c r="E36" s="20">
        <v>49</v>
      </c>
      <c r="F36" s="21">
        <v>5</v>
      </c>
      <c r="G36" s="22" t="s">
        <v>152</v>
      </c>
    </row>
    <row r="37" spans="2:7" x14ac:dyDescent="0.2">
      <c r="B37" s="29"/>
      <c r="C37" s="7"/>
      <c r="D37" s="23">
        <v>100</v>
      </c>
      <c r="E37" s="24">
        <v>90.740740740740748</v>
      </c>
      <c r="F37" s="25">
        <v>9.2592592592592595</v>
      </c>
      <c r="G37" s="26" t="s">
        <v>152</v>
      </c>
    </row>
    <row r="38" spans="2:7" x14ac:dyDescent="0.2">
      <c r="B38" s="29"/>
      <c r="C38" s="2" t="s">
        <v>113</v>
      </c>
      <c r="D38" s="19">
        <v>116</v>
      </c>
      <c r="E38" s="20">
        <v>84</v>
      </c>
      <c r="F38" s="21">
        <v>30</v>
      </c>
      <c r="G38" s="22">
        <v>2</v>
      </c>
    </row>
    <row r="39" spans="2:7" x14ac:dyDescent="0.2">
      <c r="B39" s="29"/>
      <c r="C39" s="7"/>
      <c r="D39" s="23">
        <v>100</v>
      </c>
      <c r="E39" s="24">
        <v>72.400000000000006</v>
      </c>
      <c r="F39" s="25">
        <v>25.9</v>
      </c>
      <c r="G39" s="26">
        <v>1.7</v>
      </c>
    </row>
    <row r="40" spans="2:7" x14ac:dyDescent="0.2">
      <c r="B40" s="29"/>
      <c r="C40" s="2" t="s">
        <v>114</v>
      </c>
      <c r="D40" s="19">
        <v>200</v>
      </c>
      <c r="E40" s="20">
        <v>135</v>
      </c>
      <c r="F40" s="21">
        <v>55</v>
      </c>
      <c r="G40" s="22">
        <v>10</v>
      </c>
    </row>
    <row r="41" spans="2:7" x14ac:dyDescent="0.2">
      <c r="B41" s="29"/>
      <c r="C41" s="7"/>
      <c r="D41" s="23">
        <v>100</v>
      </c>
      <c r="E41" s="24">
        <v>67.5</v>
      </c>
      <c r="F41" s="25">
        <v>27.5</v>
      </c>
      <c r="G41" s="26">
        <v>5</v>
      </c>
    </row>
    <row r="42" spans="2:7" x14ac:dyDescent="0.2">
      <c r="B42" s="29"/>
      <c r="C42" s="2" t="s">
        <v>115</v>
      </c>
      <c r="D42" s="19">
        <v>289</v>
      </c>
      <c r="E42" s="20">
        <v>176</v>
      </c>
      <c r="F42" s="21">
        <v>103</v>
      </c>
      <c r="G42" s="22">
        <v>10</v>
      </c>
    </row>
    <row r="43" spans="2:7" x14ac:dyDescent="0.2">
      <c r="B43" s="29"/>
      <c r="C43" s="7"/>
      <c r="D43" s="23">
        <v>100</v>
      </c>
      <c r="E43" s="24">
        <v>60.9</v>
      </c>
      <c r="F43" s="25">
        <v>35.6</v>
      </c>
      <c r="G43" s="26">
        <v>3.5</v>
      </c>
    </row>
    <row r="44" spans="2:7" x14ac:dyDescent="0.2">
      <c r="B44" s="29"/>
      <c r="C44" s="2" t="s">
        <v>116</v>
      </c>
      <c r="D44" s="19">
        <v>247</v>
      </c>
      <c r="E44" s="20">
        <v>155</v>
      </c>
      <c r="F44" s="21">
        <v>74</v>
      </c>
      <c r="G44" s="22">
        <v>18</v>
      </c>
    </row>
    <row r="45" spans="2:7" x14ac:dyDescent="0.2">
      <c r="B45" s="29"/>
      <c r="C45" s="7"/>
      <c r="D45" s="23">
        <v>100</v>
      </c>
      <c r="E45" s="24">
        <v>62.8</v>
      </c>
      <c r="F45" s="25">
        <v>30</v>
      </c>
      <c r="G45" s="26">
        <v>7.3</v>
      </c>
    </row>
    <row r="46" spans="2:7" x14ac:dyDescent="0.2">
      <c r="B46" s="29"/>
      <c r="C46" s="2" t="s">
        <v>117</v>
      </c>
      <c r="D46" s="19">
        <v>125</v>
      </c>
      <c r="E46" s="20">
        <v>69</v>
      </c>
      <c r="F46" s="21">
        <v>42</v>
      </c>
      <c r="G46" s="22">
        <v>14</v>
      </c>
    </row>
    <row r="47" spans="2:7" x14ac:dyDescent="0.2">
      <c r="B47" s="29"/>
      <c r="C47" s="7"/>
      <c r="D47" s="23">
        <v>100</v>
      </c>
      <c r="E47" s="24">
        <v>55.2</v>
      </c>
      <c r="F47" s="25">
        <v>33.6</v>
      </c>
      <c r="G47" s="26">
        <v>11.2</v>
      </c>
    </row>
    <row r="48" spans="2:7" x14ac:dyDescent="0.2">
      <c r="B48" s="29"/>
      <c r="C48" s="2" t="s">
        <v>118</v>
      </c>
      <c r="D48" s="19">
        <v>150</v>
      </c>
      <c r="E48" s="20">
        <v>82</v>
      </c>
      <c r="F48" s="21">
        <v>49</v>
      </c>
      <c r="G48" s="22">
        <v>19</v>
      </c>
    </row>
    <row r="49" spans="2:7" x14ac:dyDescent="0.2">
      <c r="B49" s="29"/>
      <c r="C49" s="7"/>
      <c r="D49" s="23">
        <v>100</v>
      </c>
      <c r="E49" s="24">
        <v>54.7</v>
      </c>
      <c r="F49" s="25">
        <v>32.700000000000003</v>
      </c>
      <c r="G49" s="26">
        <v>12.7</v>
      </c>
    </row>
    <row r="50" spans="2:7" x14ac:dyDescent="0.2">
      <c r="B50" s="29"/>
      <c r="C50" s="2" t="s">
        <v>119</v>
      </c>
      <c r="D50" s="19">
        <v>60</v>
      </c>
      <c r="E50" s="20">
        <v>29</v>
      </c>
      <c r="F50" s="21">
        <v>17</v>
      </c>
      <c r="G50" s="22">
        <v>14</v>
      </c>
    </row>
    <row r="51" spans="2:7" x14ac:dyDescent="0.2">
      <c r="B51" s="29"/>
      <c r="C51" s="10"/>
      <c r="D51" s="23">
        <v>100</v>
      </c>
      <c r="E51" s="24">
        <v>48.3</v>
      </c>
      <c r="F51" s="25">
        <v>28.3</v>
      </c>
      <c r="G51" s="26">
        <v>23.3</v>
      </c>
    </row>
    <row r="52" spans="2:7" x14ac:dyDescent="0.2">
      <c r="B52" s="28" t="s">
        <v>33</v>
      </c>
      <c r="C52" s="9" t="s">
        <v>12</v>
      </c>
      <c r="D52" s="11">
        <v>1241</v>
      </c>
      <c r="E52" s="12">
        <v>779</v>
      </c>
      <c r="F52" s="13">
        <v>375</v>
      </c>
      <c r="G52" s="14">
        <v>87</v>
      </c>
    </row>
    <row r="53" spans="2:7" x14ac:dyDescent="0.2">
      <c r="B53" s="29"/>
      <c r="C53" s="8"/>
      <c r="D53" s="15">
        <v>100</v>
      </c>
      <c r="E53" s="16">
        <v>62.8</v>
      </c>
      <c r="F53" s="17">
        <v>30.2</v>
      </c>
      <c r="G53" s="18">
        <v>7</v>
      </c>
    </row>
    <row r="54" spans="2:7" x14ac:dyDescent="0.2">
      <c r="B54" s="29"/>
      <c r="C54" s="2" t="s">
        <v>57</v>
      </c>
      <c r="D54" s="19">
        <v>2</v>
      </c>
      <c r="E54" s="20">
        <v>2</v>
      </c>
      <c r="F54" s="21" t="s">
        <v>152</v>
      </c>
      <c r="G54" s="22" t="s">
        <v>152</v>
      </c>
    </row>
    <row r="55" spans="2:7" x14ac:dyDescent="0.2">
      <c r="B55" s="29"/>
      <c r="C55" s="7"/>
      <c r="D55" s="23">
        <v>100</v>
      </c>
      <c r="E55" s="24">
        <v>100</v>
      </c>
      <c r="F55" s="25" t="s">
        <v>152</v>
      </c>
      <c r="G55" s="26" t="s">
        <v>152</v>
      </c>
    </row>
    <row r="56" spans="2:7" x14ac:dyDescent="0.2">
      <c r="B56" s="29"/>
      <c r="C56" s="2" t="s">
        <v>63</v>
      </c>
      <c r="D56" s="19">
        <v>20</v>
      </c>
      <c r="E56" s="20">
        <v>16</v>
      </c>
      <c r="F56" s="21">
        <v>4</v>
      </c>
      <c r="G56" s="22" t="s">
        <v>152</v>
      </c>
    </row>
    <row r="57" spans="2:7" x14ac:dyDescent="0.2">
      <c r="B57" s="29"/>
      <c r="C57" s="7"/>
      <c r="D57" s="23">
        <v>100</v>
      </c>
      <c r="E57" s="24">
        <v>80</v>
      </c>
      <c r="F57" s="25">
        <v>20</v>
      </c>
      <c r="G57" s="26" t="s">
        <v>152</v>
      </c>
    </row>
    <row r="58" spans="2:7" x14ac:dyDescent="0.2">
      <c r="B58" s="29"/>
      <c r="C58" s="2" t="s">
        <v>148</v>
      </c>
      <c r="D58" s="19">
        <v>22</v>
      </c>
      <c r="E58" s="20">
        <v>18</v>
      </c>
      <c r="F58" s="21">
        <v>4</v>
      </c>
      <c r="G58" s="22" t="s">
        <v>152</v>
      </c>
    </row>
    <row r="59" spans="2:7" x14ac:dyDescent="0.2">
      <c r="B59" s="29"/>
      <c r="C59" s="7"/>
      <c r="D59" s="23">
        <v>100</v>
      </c>
      <c r="E59" s="24">
        <v>81.818181818181827</v>
      </c>
      <c r="F59" s="25">
        <v>18.181818181818183</v>
      </c>
      <c r="G59" s="26" t="s">
        <v>152</v>
      </c>
    </row>
    <row r="60" spans="2:7" x14ac:dyDescent="0.2">
      <c r="B60" s="29"/>
      <c r="C60" s="2" t="s">
        <v>64</v>
      </c>
      <c r="D60" s="19">
        <v>51</v>
      </c>
      <c r="E60" s="20">
        <v>38</v>
      </c>
      <c r="F60" s="21">
        <v>12</v>
      </c>
      <c r="G60" s="22">
        <v>1</v>
      </c>
    </row>
    <row r="61" spans="2:7" x14ac:dyDescent="0.2">
      <c r="B61" s="29"/>
      <c r="C61" s="7"/>
      <c r="D61" s="23">
        <v>100</v>
      </c>
      <c r="E61" s="24">
        <v>74.5</v>
      </c>
      <c r="F61" s="25">
        <v>23.5</v>
      </c>
      <c r="G61" s="26">
        <v>2</v>
      </c>
    </row>
    <row r="62" spans="2:7" x14ac:dyDescent="0.2">
      <c r="B62" s="29"/>
      <c r="C62" s="2" t="s">
        <v>65</v>
      </c>
      <c r="D62" s="19">
        <v>88</v>
      </c>
      <c r="E62" s="20">
        <v>57</v>
      </c>
      <c r="F62" s="21">
        <v>28</v>
      </c>
      <c r="G62" s="22">
        <v>3</v>
      </c>
    </row>
    <row r="63" spans="2:7" x14ac:dyDescent="0.2">
      <c r="B63" s="29"/>
      <c r="C63" s="7"/>
      <c r="D63" s="23">
        <v>100</v>
      </c>
      <c r="E63" s="24">
        <v>64.8</v>
      </c>
      <c r="F63" s="25">
        <v>31.8</v>
      </c>
      <c r="G63" s="26">
        <v>3.4</v>
      </c>
    </row>
    <row r="64" spans="2:7" x14ac:dyDescent="0.2">
      <c r="B64" s="29"/>
      <c r="C64" s="2" t="s">
        <v>66</v>
      </c>
      <c r="D64" s="19">
        <v>146</v>
      </c>
      <c r="E64" s="20">
        <v>94</v>
      </c>
      <c r="F64" s="21">
        <v>47</v>
      </c>
      <c r="G64" s="22">
        <v>5</v>
      </c>
    </row>
    <row r="65" spans="2:7" x14ac:dyDescent="0.2">
      <c r="B65" s="29"/>
      <c r="C65" s="7"/>
      <c r="D65" s="23">
        <v>100</v>
      </c>
      <c r="E65" s="24">
        <v>64.400000000000006</v>
      </c>
      <c r="F65" s="25">
        <v>32.200000000000003</v>
      </c>
      <c r="G65" s="26">
        <v>3.4</v>
      </c>
    </row>
    <row r="66" spans="2:7" x14ac:dyDescent="0.2">
      <c r="B66" s="29"/>
      <c r="C66" s="2" t="s">
        <v>67</v>
      </c>
      <c r="D66" s="19">
        <v>133</v>
      </c>
      <c r="E66" s="20">
        <v>86</v>
      </c>
      <c r="F66" s="21">
        <v>39</v>
      </c>
      <c r="G66" s="22">
        <v>8</v>
      </c>
    </row>
    <row r="67" spans="2:7" x14ac:dyDescent="0.2">
      <c r="B67" s="29"/>
      <c r="C67" s="7"/>
      <c r="D67" s="23">
        <v>100</v>
      </c>
      <c r="E67" s="24">
        <v>64.7</v>
      </c>
      <c r="F67" s="25">
        <v>29.3</v>
      </c>
      <c r="G67" s="26">
        <v>6</v>
      </c>
    </row>
    <row r="68" spans="2:7" x14ac:dyDescent="0.2">
      <c r="B68" s="29"/>
      <c r="C68" s="2" t="s">
        <v>58</v>
      </c>
      <c r="D68" s="19">
        <v>57</v>
      </c>
      <c r="E68" s="20">
        <v>38</v>
      </c>
      <c r="F68" s="21">
        <v>15</v>
      </c>
      <c r="G68" s="22">
        <v>4</v>
      </c>
    </row>
    <row r="69" spans="2:7" x14ac:dyDescent="0.2">
      <c r="B69" s="29"/>
      <c r="C69" s="7"/>
      <c r="D69" s="23">
        <v>100</v>
      </c>
      <c r="E69" s="24">
        <v>66.7</v>
      </c>
      <c r="F69" s="25">
        <v>26.3</v>
      </c>
      <c r="G69" s="26">
        <v>7</v>
      </c>
    </row>
    <row r="70" spans="2:7" x14ac:dyDescent="0.2">
      <c r="B70" s="29"/>
      <c r="C70" s="2" t="s">
        <v>68</v>
      </c>
      <c r="D70" s="19">
        <v>65</v>
      </c>
      <c r="E70" s="20">
        <v>36</v>
      </c>
      <c r="F70" s="21">
        <v>22</v>
      </c>
      <c r="G70" s="22">
        <v>7</v>
      </c>
    </row>
    <row r="71" spans="2:7" x14ac:dyDescent="0.2">
      <c r="B71" s="29"/>
      <c r="C71" s="7"/>
      <c r="D71" s="23">
        <v>100</v>
      </c>
      <c r="E71" s="24">
        <v>55.4</v>
      </c>
      <c r="F71" s="25">
        <v>33.799999999999997</v>
      </c>
      <c r="G71" s="26">
        <v>10.8</v>
      </c>
    </row>
    <row r="72" spans="2:7" x14ac:dyDescent="0.2">
      <c r="B72" s="29"/>
      <c r="C72" s="2" t="s">
        <v>59</v>
      </c>
      <c r="D72" s="19">
        <v>1</v>
      </c>
      <c r="E72" s="20">
        <v>1</v>
      </c>
      <c r="F72" s="21" t="s">
        <v>152</v>
      </c>
      <c r="G72" s="22" t="s">
        <v>152</v>
      </c>
    </row>
    <row r="73" spans="2:7" x14ac:dyDescent="0.2">
      <c r="B73" s="29"/>
      <c r="C73" s="7"/>
      <c r="D73" s="23">
        <v>100</v>
      </c>
      <c r="E73" s="24">
        <v>100</v>
      </c>
      <c r="F73" s="25" t="s">
        <v>152</v>
      </c>
      <c r="G73" s="26" t="s">
        <v>152</v>
      </c>
    </row>
    <row r="74" spans="2:7" x14ac:dyDescent="0.2">
      <c r="B74" s="29"/>
      <c r="C74" s="2" t="s">
        <v>69</v>
      </c>
      <c r="D74" s="19">
        <v>29</v>
      </c>
      <c r="E74" s="20">
        <v>28</v>
      </c>
      <c r="F74" s="21">
        <v>1</v>
      </c>
      <c r="G74" s="22" t="s">
        <v>152</v>
      </c>
    </row>
    <row r="75" spans="2:7" x14ac:dyDescent="0.2">
      <c r="B75" s="29"/>
      <c r="C75" s="7"/>
      <c r="D75" s="23">
        <v>100</v>
      </c>
      <c r="E75" s="24">
        <v>96.6</v>
      </c>
      <c r="F75" s="25">
        <v>3.4</v>
      </c>
      <c r="G75" s="26" t="s">
        <v>152</v>
      </c>
    </row>
    <row r="76" spans="2:7" x14ac:dyDescent="0.2">
      <c r="B76" s="29"/>
      <c r="C76" s="2" t="s">
        <v>149</v>
      </c>
      <c r="D76" s="19">
        <v>30</v>
      </c>
      <c r="E76" s="20">
        <v>29</v>
      </c>
      <c r="F76" s="21">
        <v>1</v>
      </c>
      <c r="G76" s="22" t="s">
        <v>152</v>
      </c>
    </row>
    <row r="77" spans="2:7" x14ac:dyDescent="0.2">
      <c r="B77" s="29"/>
      <c r="C77" s="7"/>
      <c r="D77" s="23">
        <v>100</v>
      </c>
      <c r="E77" s="24">
        <v>96.666666666666671</v>
      </c>
      <c r="F77" s="25">
        <v>3.3333333333333335</v>
      </c>
      <c r="G77" s="26" t="s">
        <v>152</v>
      </c>
    </row>
    <row r="78" spans="2:7" x14ac:dyDescent="0.2">
      <c r="B78" s="29"/>
      <c r="C78" s="2" t="s">
        <v>70</v>
      </c>
      <c r="D78" s="19">
        <v>64</v>
      </c>
      <c r="E78" s="20">
        <v>46</v>
      </c>
      <c r="F78" s="21">
        <v>17</v>
      </c>
      <c r="G78" s="22">
        <v>1</v>
      </c>
    </row>
    <row r="79" spans="2:7" x14ac:dyDescent="0.2">
      <c r="B79" s="29"/>
      <c r="C79" s="7"/>
      <c r="D79" s="23">
        <v>100</v>
      </c>
      <c r="E79" s="24">
        <v>71.900000000000006</v>
      </c>
      <c r="F79" s="25">
        <v>26.6</v>
      </c>
      <c r="G79" s="26">
        <v>1.6</v>
      </c>
    </row>
    <row r="80" spans="2:7" x14ac:dyDescent="0.2">
      <c r="B80" s="29"/>
      <c r="C80" s="2" t="s">
        <v>71</v>
      </c>
      <c r="D80" s="19">
        <v>112</v>
      </c>
      <c r="E80" s="20">
        <v>78</v>
      </c>
      <c r="F80" s="21">
        <v>27</v>
      </c>
      <c r="G80" s="22">
        <v>7</v>
      </c>
    </row>
    <row r="81" spans="2:7" x14ac:dyDescent="0.2">
      <c r="B81" s="29"/>
      <c r="C81" s="7"/>
      <c r="D81" s="23">
        <v>100</v>
      </c>
      <c r="E81" s="24">
        <v>69.599999999999994</v>
      </c>
      <c r="F81" s="25">
        <v>24.1</v>
      </c>
      <c r="G81" s="26">
        <v>6.3</v>
      </c>
    </row>
    <row r="82" spans="2:7" x14ac:dyDescent="0.2">
      <c r="B82" s="29"/>
      <c r="C82" s="2" t="s">
        <v>72</v>
      </c>
      <c r="D82" s="19">
        <v>137</v>
      </c>
      <c r="E82" s="20">
        <v>78</v>
      </c>
      <c r="F82" s="21">
        <v>54</v>
      </c>
      <c r="G82" s="22">
        <v>5</v>
      </c>
    </row>
    <row r="83" spans="2:7" x14ac:dyDescent="0.2">
      <c r="B83" s="29"/>
      <c r="C83" s="7"/>
      <c r="D83" s="23">
        <v>100</v>
      </c>
      <c r="E83" s="24">
        <v>56.9</v>
      </c>
      <c r="F83" s="25">
        <v>39.4</v>
      </c>
      <c r="G83" s="26">
        <v>3.6</v>
      </c>
    </row>
    <row r="84" spans="2:7" x14ac:dyDescent="0.2">
      <c r="B84" s="29"/>
      <c r="C84" s="2" t="s">
        <v>73</v>
      </c>
      <c r="D84" s="19">
        <v>112</v>
      </c>
      <c r="E84" s="20">
        <v>67</v>
      </c>
      <c r="F84" s="21">
        <v>35</v>
      </c>
      <c r="G84" s="22">
        <v>10</v>
      </c>
    </row>
    <row r="85" spans="2:7" x14ac:dyDescent="0.2">
      <c r="B85" s="29"/>
      <c r="C85" s="7"/>
      <c r="D85" s="23">
        <v>100</v>
      </c>
      <c r="E85" s="24">
        <v>59.8</v>
      </c>
      <c r="F85" s="25">
        <v>31.3</v>
      </c>
      <c r="G85" s="26">
        <v>8.9</v>
      </c>
    </row>
    <row r="86" spans="2:7" x14ac:dyDescent="0.2">
      <c r="B86" s="29"/>
      <c r="C86" s="2" t="s">
        <v>60</v>
      </c>
      <c r="D86" s="19">
        <v>66</v>
      </c>
      <c r="E86" s="20">
        <v>30</v>
      </c>
      <c r="F86" s="21">
        <v>26</v>
      </c>
      <c r="G86" s="22">
        <v>10</v>
      </c>
    </row>
    <row r="87" spans="2:7" x14ac:dyDescent="0.2">
      <c r="B87" s="29"/>
      <c r="C87" s="7"/>
      <c r="D87" s="23">
        <v>100</v>
      </c>
      <c r="E87" s="24">
        <v>45.5</v>
      </c>
      <c r="F87" s="25">
        <v>39.4</v>
      </c>
      <c r="G87" s="26">
        <v>15.2</v>
      </c>
    </row>
    <row r="88" spans="2:7" x14ac:dyDescent="0.2">
      <c r="B88" s="29"/>
      <c r="C88" s="2" t="s">
        <v>74</v>
      </c>
      <c r="D88" s="19">
        <v>83</v>
      </c>
      <c r="E88" s="20">
        <v>44</v>
      </c>
      <c r="F88" s="21">
        <v>27</v>
      </c>
      <c r="G88" s="22">
        <v>12</v>
      </c>
    </row>
    <row r="89" spans="2:7" x14ac:dyDescent="0.2">
      <c r="B89" s="29"/>
      <c r="C89" s="7"/>
      <c r="D89" s="23">
        <v>100</v>
      </c>
      <c r="E89" s="24">
        <v>53</v>
      </c>
      <c r="F89" s="25">
        <v>32.5</v>
      </c>
      <c r="G89" s="26">
        <v>14.5</v>
      </c>
    </row>
    <row r="90" spans="2:7" x14ac:dyDescent="0.2">
      <c r="B90" s="29"/>
      <c r="C90" s="2" t="s">
        <v>0</v>
      </c>
      <c r="D90" s="19">
        <v>75</v>
      </c>
      <c r="E90" s="20">
        <v>40</v>
      </c>
      <c r="F90" s="21">
        <v>21</v>
      </c>
      <c r="G90" s="22">
        <v>14</v>
      </c>
    </row>
    <row r="91" spans="2:7" x14ac:dyDescent="0.2">
      <c r="B91" s="29"/>
      <c r="C91" s="7"/>
      <c r="D91" s="23">
        <v>100</v>
      </c>
      <c r="E91" s="24">
        <v>53.3</v>
      </c>
      <c r="F91" s="25">
        <v>28</v>
      </c>
      <c r="G91" s="26">
        <v>18.7</v>
      </c>
    </row>
    <row r="92" spans="2:7" x14ac:dyDescent="0.2">
      <c r="B92" s="28" t="s">
        <v>32</v>
      </c>
      <c r="C92" s="9" t="s">
        <v>12</v>
      </c>
      <c r="D92" s="11">
        <v>1241</v>
      </c>
      <c r="E92" s="12">
        <v>779</v>
      </c>
      <c r="F92" s="13">
        <v>375</v>
      </c>
      <c r="G92" s="14">
        <v>87</v>
      </c>
    </row>
    <row r="93" spans="2:7" x14ac:dyDescent="0.2">
      <c r="B93" s="29"/>
      <c r="C93" s="8"/>
      <c r="D93" s="15">
        <v>100</v>
      </c>
      <c r="E93" s="16">
        <v>62.8</v>
      </c>
      <c r="F93" s="17">
        <v>30.2</v>
      </c>
      <c r="G93" s="18">
        <v>7</v>
      </c>
    </row>
    <row r="94" spans="2:7" x14ac:dyDescent="0.2">
      <c r="B94" s="29"/>
      <c r="C94" s="2" t="s">
        <v>21</v>
      </c>
      <c r="D94" s="19">
        <v>65</v>
      </c>
      <c r="E94" s="20">
        <v>40</v>
      </c>
      <c r="F94" s="21">
        <v>21</v>
      </c>
      <c r="G94" s="22">
        <v>4</v>
      </c>
    </row>
    <row r="95" spans="2:7" x14ac:dyDescent="0.2">
      <c r="B95" s="29"/>
      <c r="C95" s="7"/>
      <c r="D95" s="23">
        <v>100</v>
      </c>
      <c r="E95" s="24">
        <v>61.5</v>
      </c>
      <c r="F95" s="25">
        <v>32.299999999999997</v>
      </c>
      <c r="G95" s="26">
        <v>6.2</v>
      </c>
    </row>
    <row r="96" spans="2:7" x14ac:dyDescent="0.2">
      <c r="B96" s="29"/>
      <c r="C96" s="2" t="s">
        <v>20</v>
      </c>
      <c r="D96" s="19">
        <v>7</v>
      </c>
      <c r="E96" s="20">
        <v>5</v>
      </c>
      <c r="F96" s="21">
        <v>1</v>
      </c>
      <c r="G96" s="22">
        <v>1</v>
      </c>
    </row>
    <row r="97" spans="2:7" x14ac:dyDescent="0.2">
      <c r="B97" s="29"/>
      <c r="C97" s="7"/>
      <c r="D97" s="23">
        <v>100</v>
      </c>
      <c r="E97" s="24">
        <v>71.400000000000006</v>
      </c>
      <c r="F97" s="25">
        <v>14.3</v>
      </c>
      <c r="G97" s="26">
        <v>14.3</v>
      </c>
    </row>
    <row r="98" spans="2:7" x14ac:dyDescent="0.2">
      <c r="B98" s="29"/>
      <c r="C98" s="2" t="s">
        <v>19</v>
      </c>
      <c r="D98" s="19">
        <v>484</v>
      </c>
      <c r="E98" s="20">
        <v>325</v>
      </c>
      <c r="F98" s="21">
        <v>144</v>
      </c>
      <c r="G98" s="22">
        <v>15</v>
      </c>
    </row>
    <row r="99" spans="2:7" x14ac:dyDescent="0.2">
      <c r="B99" s="29"/>
      <c r="C99" s="7"/>
      <c r="D99" s="23">
        <v>100</v>
      </c>
      <c r="E99" s="24">
        <v>67.099999999999994</v>
      </c>
      <c r="F99" s="25">
        <v>29.8</v>
      </c>
      <c r="G99" s="26">
        <v>3.1</v>
      </c>
    </row>
    <row r="100" spans="2:7" x14ac:dyDescent="0.2">
      <c r="B100" s="29"/>
      <c r="C100" s="2" t="s">
        <v>18</v>
      </c>
      <c r="D100" s="19">
        <v>195</v>
      </c>
      <c r="E100" s="20">
        <v>122</v>
      </c>
      <c r="F100" s="21">
        <v>60</v>
      </c>
      <c r="G100" s="22">
        <v>13</v>
      </c>
    </row>
    <row r="101" spans="2:7" x14ac:dyDescent="0.2">
      <c r="B101" s="29"/>
      <c r="C101" s="7"/>
      <c r="D101" s="23">
        <v>100</v>
      </c>
      <c r="E101" s="24">
        <v>62.6</v>
      </c>
      <c r="F101" s="25">
        <v>30.8</v>
      </c>
      <c r="G101" s="26">
        <v>6.7</v>
      </c>
    </row>
    <row r="102" spans="2:7" x14ac:dyDescent="0.2">
      <c r="B102" s="29"/>
      <c r="C102" s="2" t="s">
        <v>17</v>
      </c>
      <c r="D102" s="19">
        <v>1</v>
      </c>
      <c r="E102" s="20">
        <v>1</v>
      </c>
      <c r="F102" s="21" t="s">
        <v>152</v>
      </c>
      <c r="G102" s="22" t="s">
        <v>152</v>
      </c>
    </row>
    <row r="103" spans="2:7" x14ac:dyDescent="0.2">
      <c r="B103" s="29"/>
      <c r="C103" s="7"/>
      <c r="D103" s="23">
        <v>100</v>
      </c>
      <c r="E103" s="24">
        <v>100</v>
      </c>
      <c r="F103" s="25" t="s">
        <v>152</v>
      </c>
      <c r="G103" s="26" t="s">
        <v>152</v>
      </c>
    </row>
    <row r="104" spans="2:7" x14ac:dyDescent="0.2">
      <c r="B104" s="29"/>
      <c r="C104" s="2" t="s">
        <v>151</v>
      </c>
      <c r="D104" s="19">
        <v>178</v>
      </c>
      <c r="E104" s="20">
        <v>95</v>
      </c>
      <c r="F104" s="21">
        <v>70</v>
      </c>
      <c r="G104" s="22">
        <v>13</v>
      </c>
    </row>
    <row r="105" spans="2:7" x14ac:dyDescent="0.2">
      <c r="B105" s="29"/>
      <c r="C105" s="7"/>
      <c r="D105" s="23">
        <v>100</v>
      </c>
      <c r="E105" s="24">
        <v>53.4</v>
      </c>
      <c r="F105" s="25">
        <v>39.299999999999997</v>
      </c>
      <c r="G105" s="26">
        <v>7.3</v>
      </c>
    </row>
    <row r="106" spans="2:7" x14ac:dyDescent="0.2">
      <c r="B106" s="29"/>
      <c r="C106" s="2" t="s">
        <v>16</v>
      </c>
      <c r="D106" s="19">
        <v>10</v>
      </c>
      <c r="E106" s="20">
        <v>10</v>
      </c>
      <c r="F106" s="21" t="s">
        <v>152</v>
      </c>
      <c r="G106" s="22" t="s">
        <v>152</v>
      </c>
    </row>
    <row r="107" spans="2:7" x14ac:dyDescent="0.2">
      <c r="B107" s="29"/>
      <c r="C107" s="7"/>
      <c r="D107" s="23">
        <v>100</v>
      </c>
      <c r="E107" s="24">
        <v>100</v>
      </c>
      <c r="F107" s="25" t="s">
        <v>152</v>
      </c>
      <c r="G107" s="26" t="s">
        <v>152</v>
      </c>
    </row>
    <row r="108" spans="2:7" x14ac:dyDescent="0.2">
      <c r="B108" s="29"/>
      <c r="C108" s="2" t="s">
        <v>15</v>
      </c>
      <c r="D108" s="19">
        <v>211</v>
      </c>
      <c r="E108" s="20">
        <v>133</v>
      </c>
      <c r="F108" s="21">
        <v>56</v>
      </c>
      <c r="G108" s="22">
        <v>22</v>
      </c>
    </row>
    <row r="109" spans="2:7" x14ac:dyDescent="0.2">
      <c r="B109" s="29"/>
      <c r="C109" s="7"/>
      <c r="D109" s="23">
        <v>100</v>
      </c>
      <c r="E109" s="24">
        <v>63</v>
      </c>
      <c r="F109" s="25">
        <v>26.5</v>
      </c>
      <c r="G109" s="26">
        <v>10.4</v>
      </c>
    </row>
    <row r="110" spans="2:7" x14ac:dyDescent="0.2">
      <c r="B110" s="29"/>
      <c r="C110" s="2" t="s">
        <v>14</v>
      </c>
      <c r="D110" s="19">
        <v>12</v>
      </c>
      <c r="E110" s="20">
        <v>9</v>
      </c>
      <c r="F110" s="21">
        <v>2</v>
      </c>
      <c r="G110" s="22">
        <v>1</v>
      </c>
    </row>
    <row r="111" spans="2:7" x14ac:dyDescent="0.2">
      <c r="B111" s="29"/>
      <c r="C111" s="7"/>
      <c r="D111" s="23">
        <v>100</v>
      </c>
      <c r="E111" s="24">
        <v>75</v>
      </c>
      <c r="F111" s="25">
        <v>16.7</v>
      </c>
      <c r="G111" s="26">
        <v>8.3000000000000007</v>
      </c>
    </row>
    <row r="112" spans="2:7" x14ac:dyDescent="0.2">
      <c r="B112" s="29"/>
      <c r="C112" s="2" t="s">
        <v>13</v>
      </c>
      <c r="D112" s="19">
        <v>78</v>
      </c>
      <c r="E112" s="20">
        <v>39</v>
      </c>
      <c r="F112" s="21">
        <v>21</v>
      </c>
      <c r="G112" s="22">
        <v>18</v>
      </c>
    </row>
    <row r="113" spans="2:7" x14ac:dyDescent="0.2">
      <c r="B113" s="30"/>
      <c r="C113" s="10"/>
      <c r="D113" s="15">
        <v>100</v>
      </c>
      <c r="E113" s="16">
        <v>50</v>
      </c>
      <c r="F113" s="17">
        <v>26.9</v>
      </c>
      <c r="G113" s="18">
        <v>23.1</v>
      </c>
    </row>
    <row r="114" spans="2:7" x14ac:dyDescent="0.2">
      <c r="B114" s="28" t="s">
        <v>31</v>
      </c>
      <c r="C114" s="9" t="s">
        <v>12</v>
      </c>
      <c r="D114" s="11">
        <v>752</v>
      </c>
      <c r="E114" s="12">
        <v>493</v>
      </c>
      <c r="F114" s="13">
        <v>226</v>
      </c>
      <c r="G114" s="14">
        <v>33</v>
      </c>
    </row>
    <row r="115" spans="2:7" x14ac:dyDescent="0.2">
      <c r="B115" s="29"/>
      <c r="C115" s="8"/>
      <c r="D115" s="15">
        <v>100</v>
      </c>
      <c r="E115" s="16">
        <v>65.599999999999994</v>
      </c>
      <c r="F115" s="17">
        <v>30.1</v>
      </c>
      <c r="G115" s="18">
        <v>4.4000000000000004</v>
      </c>
    </row>
    <row r="116" spans="2:7" x14ac:dyDescent="0.2">
      <c r="B116" s="29"/>
      <c r="C116" s="2" t="s">
        <v>11</v>
      </c>
      <c r="D116" s="19">
        <v>2</v>
      </c>
      <c r="E116" s="20">
        <v>1</v>
      </c>
      <c r="F116" s="21">
        <v>1</v>
      </c>
      <c r="G116" s="22" t="s">
        <v>152</v>
      </c>
    </row>
    <row r="117" spans="2:7" x14ac:dyDescent="0.2">
      <c r="B117" s="29"/>
      <c r="C117" s="7"/>
      <c r="D117" s="23">
        <v>100</v>
      </c>
      <c r="E117" s="24">
        <v>50</v>
      </c>
      <c r="F117" s="25">
        <v>50</v>
      </c>
      <c r="G117" s="26" t="s">
        <v>152</v>
      </c>
    </row>
    <row r="118" spans="2:7" x14ac:dyDescent="0.2">
      <c r="B118" s="29"/>
      <c r="C118" s="2" t="s">
        <v>10</v>
      </c>
      <c r="D118" s="19">
        <v>32</v>
      </c>
      <c r="E118" s="20">
        <v>22</v>
      </c>
      <c r="F118" s="21">
        <v>8</v>
      </c>
      <c r="G118" s="22">
        <v>2</v>
      </c>
    </row>
    <row r="119" spans="2:7" x14ac:dyDescent="0.2">
      <c r="B119" s="29"/>
      <c r="C119" s="7"/>
      <c r="D119" s="23">
        <v>100</v>
      </c>
      <c r="E119" s="24">
        <v>68.8</v>
      </c>
      <c r="F119" s="25">
        <v>25</v>
      </c>
      <c r="G119" s="26">
        <v>6.3</v>
      </c>
    </row>
    <row r="120" spans="2:7" x14ac:dyDescent="0.2">
      <c r="B120" s="29"/>
      <c r="C120" s="2" t="s">
        <v>9</v>
      </c>
      <c r="D120" s="19">
        <v>33</v>
      </c>
      <c r="E120" s="20">
        <v>19</v>
      </c>
      <c r="F120" s="21">
        <v>12</v>
      </c>
      <c r="G120" s="22">
        <v>2</v>
      </c>
    </row>
    <row r="121" spans="2:7" x14ac:dyDescent="0.2">
      <c r="B121" s="29"/>
      <c r="C121" s="7"/>
      <c r="D121" s="23">
        <v>100</v>
      </c>
      <c r="E121" s="24">
        <v>57.6</v>
      </c>
      <c r="F121" s="25">
        <v>36.4</v>
      </c>
      <c r="G121" s="26">
        <v>6.1</v>
      </c>
    </row>
    <row r="122" spans="2:7" x14ac:dyDescent="0.2">
      <c r="B122" s="29"/>
      <c r="C122" s="2" t="s">
        <v>8</v>
      </c>
      <c r="D122" s="19">
        <v>71</v>
      </c>
      <c r="E122" s="20">
        <v>38</v>
      </c>
      <c r="F122" s="21">
        <v>32</v>
      </c>
      <c r="G122" s="22">
        <v>1</v>
      </c>
    </row>
    <row r="123" spans="2:7" x14ac:dyDescent="0.2">
      <c r="B123" s="29"/>
      <c r="C123" s="7"/>
      <c r="D123" s="23">
        <v>100</v>
      </c>
      <c r="E123" s="24">
        <v>53.5</v>
      </c>
      <c r="F123" s="25">
        <v>45.1</v>
      </c>
      <c r="G123" s="26">
        <v>1.4</v>
      </c>
    </row>
    <row r="124" spans="2:7" x14ac:dyDescent="0.2">
      <c r="B124" s="29"/>
      <c r="C124" s="2" t="s">
        <v>7</v>
      </c>
      <c r="D124" s="19">
        <v>152</v>
      </c>
      <c r="E124" s="20">
        <v>101</v>
      </c>
      <c r="F124" s="21">
        <v>45</v>
      </c>
      <c r="G124" s="22">
        <v>6</v>
      </c>
    </row>
    <row r="125" spans="2:7" x14ac:dyDescent="0.2">
      <c r="B125" s="29"/>
      <c r="C125" s="7"/>
      <c r="D125" s="23">
        <v>100</v>
      </c>
      <c r="E125" s="24">
        <v>66.400000000000006</v>
      </c>
      <c r="F125" s="25">
        <v>29.6</v>
      </c>
      <c r="G125" s="26">
        <v>3.9</v>
      </c>
    </row>
    <row r="126" spans="2:7" x14ac:dyDescent="0.2">
      <c r="B126" s="29"/>
      <c r="C126" s="2" t="s">
        <v>6</v>
      </c>
      <c r="D126" s="19">
        <v>176</v>
      </c>
      <c r="E126" s="20">
        <v>116</v>
      </c>
      <c r="F126" s="21">
        <v>50</v>
      </c>
      <c r="G126" s="22">
        <v>10</v>
      </c>
    </row>
    <row r="127" spans="2:7" x14ac:dyDescent="0.2">
      <c r="B127" s="29"/>
      <c r="C127" s="7"/>
      <c r="D127" s="23">
        <v>100</v>
      </c>
      <c r="E127" s="24">
        <v>65.900000000000006</v>
      </c>
      <c r="F127" s="25">
        <v>28.4</v>
      </c>
      <c r="G127" s="26">
        <v>5.7</v>
      </c>
    </row>
    <row r="128" spans="2:7" x14ac:dyDescent="0.2">
      <c r="B128" s="29"/>
      <c r="C128" s="2" t="s">
        <v>5</v>
      </c>
      <c r="D128" s="19">
        <v>37</v>
      </c>
      <c r="E128" s="20">
        <v>27</v>
      </c>
      <c r="F128" s="21">
        <v>9</v>
      </c>
      <c r="G128" s="22">
        <v>1</v>
      </c>
    </row>
    <row r="129" spans="2:7" x14ac:dyDescent="0.2">
      <c r="B129" s="29"/>
      <c r="C129" s="7"/>
      <c r="D129" s="23">
        <v>100</v>
      </c>
      <c r="E129" s="24">
        <v>73</v>
      </c>
      <c r="F129" s="25">
        <v>24.3</v>
      </c>
      <c r="G129" s="26">
        <v>2.7</v>
      </c>
    </row>
    <row r="130" spans="2:7" x14ac:dyDescent="0.2">
      <c r="B130" s="29"/>
      <c r="C130" s="2" t="s">
        <v>4</v>
      </c>
      <c r="D130" s="19">
        <v>67</v>
      </c>
      <c r="E130" s="20">
        <v>51</v>
      </c>
      <c r="F130" s="21">
        <v>16</v>
      </c>
      <c r="G130" s="22" t="s">
        <v>152</v>
      </c>
    </row>
    <row r="131" spans="2:7" x14ac:dyDescent="0.2">
      <c r="B131" s="29"/>
      <c r="C131" s="7"/>
      <c r="D131" s="23">
        <v>100</v>
      </c>
      <c r="E131" s="24">
        <v>76.099999999999994</v>
      </c>
      <c r="F131" s="25">
        <v>23.9</v>
      </c>
      <c r="G131" s="26" t="s">
        <v>152</v>
      </c>
    </row>
    <row r="132" spans="2:7" x14ac:dyDescent="0.2">
      <c r="B132" s="29"/>
      <c r="C132" s="2" t="s">
        <v>3</v>
      </c>
      <c r="D132" s="19">
        <v>159</v>
      </c>
      <c r="E132" s="20">
        <v>102</v>
      </c>
      <c r="F132" s="21">
        <v>48</v>
      </c>
      <c r="G132" s="22">
        <v>9</v>
      </c>
    </row>
    <row r="133" spans="2:7" x14ac:dyDescent="0.2">
      <c r="B133" s="29"/>
      <c r="C133" s="7"/>
      <c r="D133" s="23">
        <v>100</v>
      </c>
      <c r="E133" s="24">
        <v>64.2</v>
      </c>
      <c r="F133" s="25">
        <v>30.2</v>
      </c>
      <c r="G133" s="26">
        <v>5.7</v>
      </c>
    </row>
    <row r="134" spans="2:7" x14ac:dyDescent="0.2">
      <c r="B134" s="29"/>
      <c r="C134" s="2" t="s">
        <v>2</v>
      </c>
      <c r="D134" s="19">
        <v>23</v>
      </c>
      <c r="E134" s="20">
        <v>16</v>
      </c>
      <c r="F134" s="21">
        <v>5</v>
      </c>
      <c r="G134" s="22">
        <v>2</v>
      </c>
    </row>
    <row r="135" spans="2:7" x14ac:dyDescent="0.2">
      <c r="B135" s="30"/>
      <c r="C135" s="10"/>
      <c r="D135" s="15">
        <v>100</v>
      </c>
      <c r="E135" s="16">
        <v>69.599999999999994</v>
      </c>
      <c r="F135" s="17">
        <v>21.7</v>
      </c>
      <c r="G135" s="18">
        <v>8.699999999999999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68</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779</v>
      </c>
      <c r="F4" s="13">
        <v>375</v>
      </c>
      <c r="G4" s="14">
        <v>87</v>
      </c>
    </row>
    <row r="5" spans="2:7" x14ac:dyDescent="0.2">
      <c r="B5" s="29"/>
      <c r="C5" s="8"/>
      <c r="D5" s="15">
        <v>100</v>
      </c>
      <c r="E5" s="16">
        <v>62.8</v>
      </c>
      <c r="F5" s="17">
        <v>30.2</v>
      </c>
      <c r="G5" s="18">
        <v>7</v>
      </c>
    </row>
    <row r="6" spans="2:7" x14ac:dyDescent="0.2">
      <c r="B6" s="29"/>
      <c r="C6" s="2" t="s">
        <v>52</v>
      </c>
      <c r="D6" s="19">
        <v>557</v>
      </c>
      <c r="E6" s="20">
        <v>342</v>
      </c>
      <c r="F6" s="21">
        <v>172</v>
      </c>
      <c r="G6" s="22">
        <v>43</v>
      </c>
    </row>
    <row r="7" spans="2:7" x14ac:dyDescent="0.2">
      <c r="B7" s="29"/>
      <c r="C7" s="7"/>
      <c r="D7" s="23">
        <v>100</v>
      </c>
      <c r="E7" s="24">
        <v>61.4</v>
      </c>
      <c r="F7" s="25">
        <v>30.9</v>
      </c>
      <c r="G7" s="26">
        <v>7.7</v>
      </c>
    </row>
    <row r="8" spans="2:7" x14ac:dyDescent="0.2">
      <c r="B8" s="29"/>
      <c r="C8" s="2" t="s">
        <v>51</v>
      </c>
      <c r="D8" s="19">
        <v>595</v>
      </c>
      <c r="E8" s="20">
        <v>387</v>
      </c>
      <c r="F8" s="21">
        <v>180</v>
      </c>
      <c r="G8" s="22">
        <v>28</v>
      </c>
    </row>
    <row r="9" spans="2:7" x14ac:dyDescent="0.2">
      <c r="B9" s="29"/>
      <c r="C9" s="7"/>
      <c r="D9" s="23">
        <v>100</v>
      </c>
      <c r="E9" s="24">
        <v>65</v>
      </c>
      <c r="F9" s="25">
        <v>30.3</v>
      </c>
      <c r="G9" s="26">
        <v>4.7</v>
      </c>
    </row>
    <row r="10" spans="2:7" x14ac:dyDescent="0.2">
      <c r="B10" s="29"/>
      <c r="C10" s="2" t="s">
        <v>13</v>
      </c>
      <c r="D10" s="19">
        <v>89</v>
      </c>
      <c r="E10" s="20">
        <v>50</v>
      </c>
      <c r="F10" s="21">
        <v>23</v>
      </c>
      <c r="G10" s="22">
        <v>16</v>
      </c>
    </row>
    <row r="11" spans="2:7" x14ac:dyDescent="0.2">
      <c r="B11" s="30"/>
      <c r="C11" s="10"/>
      <c r="D11" s="15">
        <v>100</v>
      </c>
      <c r="E11" s="16">
        <v>56.2</v>
      </c>
      <c r="F11" s="17">
        <v>25.8</v>
      </c>
      <c r="G11" s="18">
        <v>18</v>
      </c>
    </row>
    <row r="12" spans="2:7" x14ac:dyDescent="0.2">
      <c r="B12" s="28" t="s">
        <v>54</v>
      </c>
      <c r="C12" s="9" t="s">
        <v>12</v>
      </c>
      <c r="D12" s="11">
        <v>1241</v>
      </c>
      <c r="E12" s="12">
        <v>779</v>
      </c>
      <c r="F12" s="13">
        <v>375</v>
      </c>
      <c r="G12" s="14">
        <v>87</v>
      </c>
    </row>
    <row r="13" spans="2:7" x14ac:dyDescent="0.2">
      <c r="B13" s="29"/>
      <c r="C13" s="8"/>
      <c r="D13" s="15">
        <v>100</v>
      </c>
      <c r="E13" s="16">
        <v>62.8</v>
      </c>
      <c r="F13" s="17">
        <v>30.2</v>
      </c>
      <c r="G13" s="18">
        <v>7</v>
      </c>
    </row>
    <row r="14" spans="2:7" x14ac:dyDescent="0.2">
      <c r="B14" s="29"/>
      <c r="C14" s="2" t="s">
        <v>50</v>
      </c>
      <c r="D14" s="19">
        <v>84</v>
      </c>
      <c r="E14" s="20">
        <v>60</v>
      </c>
      <c r="F14" s="21">
        <v>24</v>
      </c>
      <c r="G14" s="22" t="s">
        <v>152</v>
      </c>
    </row>
    <row r="15" spans="2:7" x14ac:dyDescent="0.2">
      <c r="B15" s="29"/>
      <c r="C15" s="7"/>
      <c r="D15" s="23">
        <v>100</v>
      </c>
      <c r="E15" s="24">
        <v>71.400000000000006</v>
      </c>
      <c r="F15" s="25">
        <v>28.6</v>
      </c>
      <c r="G15" s="26" t="s">
        <v>152</v>
      </c>
    </row>
    <row r="16" spans="2:7" x14ac:dyDescent="0.2">
      <c r="B16" s="29"/>
      <c r="C16" s="2" t="s">
        <v>49</v>
      </c>
      <c r="D16" s="19">
        <v>97</v>
      </c>
      <c r="E16" s="20">
        <v>64</v>
      </c>
      <c r="F16" s="21">
        <v>32</v>
      </c>
      <c r="G16" s="22">
        <v>1</v>
      </c>
    </row>
    <row r="17" spans="2:7" x14ac:dyDescent="0.2">
      <c r="B17" s="29"/>
      <c r="C17" s="7"/>
      <c r="D17" s="23">
        <v>100</v>
      </c>
      <c r="E17" s="24">
        <v>66</v>
      </c>
      <c r="F17" s="25">
        <v>33</v>
      </c>
      <c r="G17" s="26">
        <v>1</v>
      </c>
    </row>
    <row r="18" spans="2:7" x14ac:dyDescent="0.2">
      <c r="B18" s="29"/>
      <c r="C18" s="2" t="s">
        <v>48</v>
      </c>
      <c r="D18" s="19">
        <v>79</v>
      </c>
      <c r="E18" s="20">
        <v>46</v>
      </c>
      <c r="F18" s="21">
        <v>30</v>
      </c>
      <c r="G18" s="22">
        <v>3</v>
      </c>
    </row>
    <row r="19" spans="2:7" x14ac:dyDescent="0.2">
      <c r="B19" s="29"/>
      <c r="C19" s="7"/>
      <c r="D19" s="23">
        <v>100</v>
      </c>
      <c r="E19" s="24">
        <v>58.2</v>
      </c>
      <c r="F19" s="25">
        <v>38</v>
      </c>
      <c r="G19" s="26">
        <v>3.8</v>
      </c>
    </row>
    <row r="20" spans="2:7" x14ac:dyDescent="0.2">
      <c r="B20" s="29"/>
      <c r="C20" s="2" t="s">
        <v>47</v>
      </c>
      <c r="D20" s="19">
        <v>72</v>
      </c>
      <c r="E20" s="20">
        <v>38</v>
      </c>
      <c r="F20" s="21">
        <v>33</v>
      </c>
      <c r="G20" s="22">
        <v>1</v>
      </c>
    </row>
    <row r="21" spans="2:7" x14ac:dyDescent="0.2">
      <c r="B21" s="29"/>
      <c r="C21" s="7"/>
      <c r="D21" s="23">
        <v>100</v>
      </c>
      <c r="E21" s="24">
        <v>52.8</v>
      </c>
      <c r="F21" s="25">
        <v>45.8</v>
      </c>
      <c r="G21" s="26">
        <v>1.4</v>
      </c>
    </row>
    <row r="22" spans="2:7" x14ac:dyDescent="0.2">
      <c r="B22" s="29"/>
      <c r="C22" s="2" t="s">
        <v>46</v>
      </c>
      <c r="D22" s="19">
        <v>15</v>
      </c>
      <c r="E22" s="20">
        <v>5</v>
      </c>
      <c r="F22" s="21">
        <v>10</v>
      </c>
      <c r="G22" s="22" t="s">
        <v>152</v>
      </c>
    </row>
    <row r="23" spans="2:7" x14ac:dyDescent="0.2">
      <c r="B23" s="29"/>
      <c r="C23" s="7"/>
      <c r="D23" s="23">
        <v>100</v>
      </c>
      <c r="E23" s="24">
        <v>33.299999999999997</v>
      </c>
      <c r="F23" s="25">
        <v>66.7</v>
      </c>
      <c r="G23" s="26" t="s">
        <v>152</v>
      </c>
    </row>
    <row r="24" spans="2:7" x14ac:dyDescent="0.2">
      <c r="B24" s="29"/>
      <c r="C24" s="2" t="s">
        <v>45</v>
      </c>
      <c r="D24" s="19">
        <v>77</v>
      </c>
      <c r="E24" s="20">
        <v>42</v>
      </c>
      <c r="F24" s="21">
        <v>31</v>
      </c>
      <c r="G24" s="22">
        <v>4</v>
      </c>
    </row>
    <row r="25" spans="2:7" x14ac:dyDescent="0.2">
      <c r="B25" s="29"/>
      <c r="C25" s="7"/>
      <c r="D25" s="23">
        <v>100</v>
      </c>
      <c r="E25" s="24">
        <v>54.5</v>
      </c>
      <c r="F25" s="25">
        <v>40.299999999999997</v>
      </c>
      <c r="G25" s="26">
        <v>5.2</v>
      </c>
    </row>
    <row r="26" spans="2:7" x14ac:dyDescent="0.2">
      <c r="B26" s="29"/>
      <c r="C26" s="2" t="s">
        <v>44</v>
      </c>
      <c r="D26" s="19">
        <v>260</v>
      </c>
      <c r="E26" s="20">
        <v>152</v>
      </c>
      <c r="F26" s="21">
        <v>87</v>
      </c>
      <c r="G26" s="22">
        <v>21</v>
      </c>
    </row>
    <row r="27" spans="2:7" x14ac:dyDescent="0.2">
      <c r="B27" s="29"/>
      <c r="C27" s="7"/>
      <c r="D27" s="23">
        <v>100</v>
      </c>
      <c r="E27" s="24">
        <v>58.5</v>
      </c>
      <c r="F27" s="25">
        <v>33.5</v>
      </c>
      <c r="G27" s="26">
        <v>8.1</v>
      </c>
    </row>
    <row r="28" spans="2:7" x14ac:dyDescent="0.2">
      <c r="B28" s="29"/>
      <c r="C28" s="2" t="s">
        <v>43</v>
      </c>
      <c r="D28" s="19">
        <v>334</v>
      </c>
      <c r="E28" s="20">
        <v>195</v>
      </c>
      <c r="F28" s="21">
        <v>109</v>
      </c>
      <c r="G28" s="22">
        <v>30</v>
      </c>
    </row>
    <row r="29" spans="2:7" x14ac:dyDescent="0.2">
      <c r="B29" s="29"/>
      <c r="C29" s="7"/>
      <c r="D29" s="23">
        <v>100</v>
      </c>
      <c r="E29" s="24">
        <v>58.4</v>
      </c>
      <c r="F29" s="25">
        <v>32.6</v>
      </c>
      <c r="G29" s="26">
        <v>9</v>
      </c>
    </row>
    <row r="30" spans="2:7" x14ac:dyDescent="0.2">
      <c r="B30" s="29"/>
      <c r="C30" s="2" t="s">
        <v>14</v>
      </c>
      <c r="D30" s="19">
        <v>28</v>
      </c>
      <c r="E30" s="20">
        <v>17</v>
      </c>
      <c r="F30" s="21">
        <v>10</v>
      </c>
      <c r="G30" s="22">
        <v>1</v>
      </c>
    </row>
    <row r="31" spans="2:7" x14ac:dyDescent="0.2">
      <c r="B31" s="29"/>
      <c r="C31" s="7"/>
      <c r="D31" s="23">
        <v>100</v>
      </c>
      <c r="E31" s="24">
        <v>60.7</v>
      </c>
      <c r="F31" s="25">
        <v>35.700000000000003</v>
      </c>
      <c r="G31" s="26">
        <v>3.6</v>
      </c>
    </row>
    <row r="32" spans="2:7" x14ac:dyDescent="0.2">
      <c r="B32" s="29"/>
      <c r="C32" s="2" t="s">
        <v>42</v>
      </c>
      <c r="D32" s="19">
        <v>390</v>
      </c>
      <c r="E32" s="20">
        <v>281</v>
      </c>
      <c r="F32" s="21">
        <v>87</v>
      </c>
      <c r="G32" s="22">
        <v>22</v>
      </c>
    </row>
    <row r="33" spans="2:7" x14ac:dyDescent="0.2">
      <c r="B33" s="29"/>
      <c r="C33" s="7"/>
      <c r="D33" s="23">
        <v>100</v>
      </c>
      <c r="E33" s="24">
        <v>72.099999999999994</v>
      </c>
      <c r="F33" s="25">
        <v>22.3</v>
      </c>
      <c r="G33" s="26">
        <v>5.6</v>
      </c>
    </row>
    <row r="34" spans="2:7" x14ac:dyDescent="0.2">
      <c r="B34" s="29"/>
      <c r="C34" s="2" t="s">
        <v>13</v>
      </c>
      <c r="D34" s="19">
        <v>70</v>
      </c>
      <c r="E34" s="20">
        <v>33</v>
      </c>
      <c r="F34" s="21">
        <v>20</v>
      </c>
      <c r="G34" s="22">
        <v>17</v>
      </c>
    </row>
    <row r="35" spans="2:7" x14ac:dyDescent="0.2">
      <c r="B35" s="30"/>
      <c r="C35" s="10"/>
      <c r="D35" s="15">
        <v>100</v>
      </c>
      <c r="E35" s="16">
        <v>47.1</v>
      </c>
      <c r="F35" s="17">
        <v>28.6</v>
      </c>
      <c r="G35" s="18">
        <v>24.3</v>
      </c>
    </row>
    <row r="36" spans="2:7" x14ac:dyDescent="0.2">
      <c r="B36" s="28" t="s">
        <v>53</v>
      </c>
      <c r="C36" s="9" t="s">
        <v>12</v>
      </c>
      <c r="D36" s="11">
        <v>1241</v>
      </c>
      <c r="E36" s="12">
        <v>779</v>
      </c>
      <c r="F36" s="13">
        <v>375</v>
      </c>
      <c r="G36" s="14">
        <v>87</v>
      </c>
    </row>
    <row r="37" spans="2:7" x14ac:dyDescent="0.2">
      <c r="B37" s="29"/>
      <c r="C37" s="8"/>
      <c r="D37" s="15">
        <v>100</v>
      </c>
      <c r="E37" s="16">
        <v>62.8</v>
      </c>
      <c r="F37" s="17">
        <v>30.2</v>
      </c>
      <c r="G37" s="18">
        <v>7</v>
      </c>
    </row>
    <row r="38" spans="2:7" x14ac:dyDescent="0.2">
      <c r="B38" s="29"/>
      <c r="C38" s="2" t="s">
        <v>41</v>
      </c>
      <c r="D38" s="19">
        <v>799</v>
      </c>
      <c r="E38" s="20">
        <v>529</v>
      </c>
      <c r="F38" s="21">
        <v>239</v>
      </c>
      <c r="G38" s="22">
        <v>31</v>
      </c>
    </row>
    <row r="39" spans="2:7" x14ac:dyDescent="0.2">
      <c r="B39" s="29"/>
      <c r="C39" s="7"/>
      <c r="D39" s="23">
        <v>100</v>
      </c>
      <c r="E39" s="24">
        <v>66.2</v>
      </c>
      <c r="F39" s="25">
        <v>29.9</v>
      </c>
      <c r="G39" s="26">
        <v>3.9</v>
      </c>
    </row>
    <row r="40" spans="2:7" x14ac:dyDescent="0.2">
      <c r="B40" s="29"/>
      <c r="C40" s="2" t="s">
        <v>40</v>
      </c>
      <c r="D40" s="19">
        <v>182</v>
      </c>
      <c r="E40" s="20">
        <v>109</v>
      </c>
      <c r="F40" s="21">
        <v>55</v>
      </c>
      <c r="G40" s="22">
        <v>18</v>
      </c>
    </row>
    <row r="41" spans="2:7" x14ac:dyDescent="0.2">
      <c r="B41" s="29"/>
      <c r="C41" s="7"/>
      <c r="D41" s="23">
        <v>100</v>
      </c>
      <c r="E41" s="24">
        <v>59.9</v>
      </c>
      <c r="F41" s="25">
        <v>30.2</v>
      </c>
      <c r="G41" s="26">
        <v>9.9</v>
      </c>
    </row>
    <row r="42" spans="2:7" x14ac:dyDescent="0.2">
      <c r="B42" s="29"/>
      <c r="C42" s="2" t="s">
        <v>39</v>
      </c>
      <c r="D42" s="19">
        <v>72</v>
      </c>
      <c r="E42" s="20">
        <v>39</v>
      </c>
      <c r="F42" s="21">
        <v>25</v>
      </c>
      <c r="G42" s="22">
        <v>8</v>
      </c>
    </row>
    <row r="43" spans="2:7" x14ac:dyDescent="0.2">
      <c r="B43" s="29"/>
      <c r="C43" s="7"/>
      <c r="D43" s="23">
        <v>100</v>
      </c>
      <c r="E43" s="24">
        <v>54.2</v>
      </c>
      <c r="F43" s="25">
        <v>34.700000000000003</v>
      </c>
      <c r="G43" s="26">
        <v>11.1</v>
      </c>
    </row>
    <row r="44" spans="2:7" x14ac:dyDescent="0.2">
      <c r="B44" s="29"/>
      <c r="C44" s="2" t="s">
        <v>38</v>
      </c>
      <c r="D44" s="19">
        <v>127</v>
      </c>
      <c r="E44" s="20">
        <v>73</v>
      </c>
      <c r="F44" s="21">
        <v>39</v>
      </c>
      <c r="G44" s="22">
        <v>15</v>
      </c>
    </row>
    <row r="45" spans="2:7" x14ac:dyDescent="0.2">
      <c r="B45" s="29"/>
      <c r="C45" s="7"/>
      <c r="D45" s="23">
        <v>100</v>
      </c>
      <c r="E45" s="24">
        <v>57.5</v>
      </c>
      <c r="F45" s="25">
        <v>30.7</v>
      </c>
      <c r="G45" s="26">
        <v>11.8</v>
      </c>
    </row>
    <row r="46" spans="2:7" x14ac:dyDescent="0.2">
      <c r="B46" s="29"/>
      <c r="C46" s="2" t="s">
        <v>13</v>
      </c>
      <c r="D46" s="19">
        <v>61</v>
      </c>
      <c r="E46" s="20">
        <v>29</v>
      </c>
      <c r="F46" s="21">
        <v>17</v>
      </c>
      <c r="G46" s="22">
        <v>15</v>
      </c>
    </row>
    <row r="47" spans="2:7" x14ac:dyDescent="0.2">
      <c r="B47" s="30"/>
      <c r="C47" s="10"/>
      <c r="D47" s="15">
        <v>100</v>
      </c>
      <c r="E47" s="16">
        <v>47.5</v>
      </c>
      <c r="F47" s="17">
        <v>27.9</v>
      </c>
      <c r="G47" s="18">
        <v>24.6</v>
      </c>
    </row>
  </sheetData>
  <mergeCells count="3">
    <mergeCell ref="B4:B11"/>
    <mergeCell ref="B12:B35"/>
    <mergeCell ref="B36:B47"/>
  </mergeCells>
  <phoneticPr fontId="2"/>
  <pageMargins left="0.7" right="0.7" top="0.75" bottom="0.75" header="0.3" footer="0.3"/>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election activeCell="E1" sqref="E1"/>
    </sheetView>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67</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31">
        <v>1072</v>
      </c>
      <c r="F4" s="13">
        <v>89</v>
      </c>
      <c r="G4" s="14">
        <v>80</v>
      </c>
    </row>
    <row r="5" spans="2:7" x14ac:dyDescent="0.2">
      <c r="B5" s="29"/>
      <c r="C5" s="8"/>
      <c r="D5" s="15">
        <v>100</v>
      </c>
      <c r="E5" s="16">
        <v>86.4</v>
      </c>
      <c r="F5" s="17">
        <v>7.2</v>
      </c>
      <c r="G5" s="18">
        <v>6.4</v>
      </c>
    </row>
    <row r="6" spans="2:7" x14ac:dyDescent="0.2">
      <c r="B6" s="29"/>
      <c r="C6" s="2" t="s">
        <v>30</v>
      </c>
      <c r="D6" s="19">
        <v>499</v>
      </c>
      <c r="E6" s="20">
        <v>452</v>
      </c>
      <c r="F6" s="21">
        <v>28</v>
      </c>
      <c r="G6" s="22">
        <v>19</v>
      </c>
    </row>
    <row r="7" spans="2:7" x14ac:dyDescent="0.2">
      <c r="B7" s="29"/>
      <c r="C7" s="7"/>
      <c r="D7" s="23">
        <v>100</v>
      </c>
      <c r="E7" s="24">
        <v>90.6</v>
      </c>
      <c r="F7" s="25">
        <v>5.6</v>
      </c>
      <c r="G7" s="26">
        <v>3.8</v>
      </c>
    </row>
    <row r="8" spans="2:7" x14ac:dyDescent="0.2">
      <c r="B8" s="29"/>
      <c r="C8" s="2" t="s">
        <v>29</v>
      </c>
      <c r="D8" s="19">
        <v>150</v>
      </c>
      <c r="E8" s="20">
        <v>130</v>
      </c>
      <c r="F8" s="21">
        <v>10</v>
      </c>
      <c r="G8" s="22">
        <v>10</v>
      </c>
    </row>
    <row r="9" spans="2:7" x14ac:dyDescent="0.2">
      <c r="B9" s="29"/>
      <c r="C9" s="7"/>
      <c r="D9" s="23">
        <v>100</v>
      </c>
      <c r="E9" s="24">
        <v>86.7</v>
      </c>
      <c r="F9" s="25">
        <v>6.7</v>
      </c>
      <c r="G9" s="26">
        <v>6.7</v>
      </c>
    </row>
    <row r="10" spans="2:7" x14ac:dyDescent="0.2">
      <c r="B10" s="29"/>
      <c r="C10" s="2" t="s">
        <v>28</v>
      </c>
      <c r="D10" s="19">
        <v>82</v>
      </c>
      <c r="E10" s="20">
        <v>73</v>
      </c>
      <c r="F10" s="21">
        <v>4</v>
      </c>
      <c r="G10" s="22">
        <v>5</v>
      </c>
    </row>
    <row r="11" spans="2:7" x14ac:dyDescent="0.2">
      <c r="B11" s="29"/>
      <c r="C11" s="7"/>
      <c r="D11" s="23">
        <v>100</v>
      </c>
      <c r="E11" s="24">
        <v>89</v>
      </c>
      <c r="F11" s="25">
        <v>4.9000000000000004</v>
      </c>
      <c r="G11" s="26">
        <v>6.1</v>
      </c>
    </row>
    <row r="12" spans="2:7" x14ac:dyDescent="0.2">
      <c r="B12" s="29"/>
      <c r="C12" s="2" t="s">
        <v>27</v>
      </c>
      <c r="D12" s="19">
        <v>92</v>
      </c>
      <c r="E12" s="20">
        <v>75</v>
      </c>
      <c r="F12" s="21">
        <v>10</v>
      </c>
      <c r="G12" s="22">
        <v>7</v>
      </c>
    </row>
    <row r="13" spans="2:7" x14ac:dyDescent="0.2">
      <c r="B13" s="29"/>
      <c r="C13" s="7"/>
      <c r="D13" s="23">
        <v>100</v>
      </c>
      <c r="E13" s="24">
        <v>81.5</v>
      </c>
      <c r="F13" s="25">
        <v>10.9</v>
      </c>
      <c r="G13" s="26">
        <v>7.6</v>
      </c>
    </row>
    <row r="14" spans="2:7" x14ac:dyDescent="0.2">
      <c r="B14" s="29"/>
      <c r="C14" s="2" t="s">
        <v>26</v>
      </c>
      <c r="D14" s="19">
        <v>112</v>
      </c>
      <c r="E14" s="20">
        <v>92</v>
      </c>
      <c r="F14" s="21">
        <v>9</v>
      </c>
      <c r="G14" s="22">
        <v>11</v>
      </c>
    </row>
    <row r="15" spans="2:7" x14ac:dyDescent="0.2">
      <c r="B15" s="29"/>
      <c r="C15" s="7"/>
      <c r="D15" s="23">
        <v>100</v>
      </c>
      <c r="E15" s="24">
        <v>82.1</v>
      </c>
      <c r="F15" s="25">
        <v>8</v>
      </c>
      <c r="G15" s="26">
        <v>9.8000000000000007</v>
      </c>
    </row>
    <row r="16" spans="2:7" x14ac:dyDescent="0.2">
      <c r="B16" s="29"/>
      <c r="C16" s="2" t="s">
        <v>25</v>
      </c>
      <c r="D16" s="19">
        <v>188</v>
      </c>
      <c r="E16" s="20">
        <v>156</v>
      </c>
      <c r="F16" s="21">
        <v>17</v>
      </c>
      <c r="G16" s="22">
        <v>15</v>
      </c>
    </row>
    <row r="17" spans="2:7" x14ac:dyDescent="0.2">
      <c r="B17" s="29"/>
      <c r="C17" s="7"/>
      <c r="D17" s="23">
        <v>100</v>
      </c>
      <c r="E17" s="24">
        <v>83</v>
      </c>
      <c r="F17" s="25">
        <v>9</v>
      </c>
      <c r="G17" s="26">
        <v>8</v>
      </c>
    </row>
    <row r="18" spans="2:7" x14ac:dyDescent="0.2">
      <c r="B18" s="29"/>
      <c r="C18" s="2" t="s">
        <v>24</v>
      </c>
      <c r="D18" s="19">
        <v>60</v>
      </c>
      <c r="E18" s="20">
        <v>53</v>
      </c>
      <c r="F18" s="21">
        <v>4</v>
      </c>
      <c r="G18" s="22">
        <v>3</v>
      </c>
    </row>
    <row r="19" spans="2:7" x14ac:dyDescent="0.2">
      <c r="B19" s="29"/>
      <c r="C19" s="7"/>
      <c r="D19" s="23">
        <v>100</v>
      </c>
      <c r="E19" s="24">
        <v>88.3</v>
      </c>
      <c r="F19" s="25">
        <v>6.7</v>
      </c>
      <c r="G19" s="26">
        <v>5</v>
      </c>
    </row>
    <row r="20" spans="2:7" x14ac:dyDescent="0.2">
      <c r="B20" s="29"/>
      <c r="C20" s="2" t="s">
        <v>13</v>
      </c>
      <c r="D20" s="19">
        <v>58</v>
      </c>
      <c r="E20" s="20">
        <v>41</v>
      </c>
      <c r="F20" s="21">
        <v>7</v>
      </c>
      <c r="G20" s="22">
        <v>10</v>
      </c>
    </row>
    <row r="21" spans="2:7" x14ac:dyDescent="0.2">
      <c r="B21" s="30"/>
      <c r="C21" s="10"/>
      <c r="D21" s="15">
        <v>100</v>
      </c>
      <c r="E21" s="16">
        <v>70.7</v>
      </c>
      <c r="F21" s="17">
        <v>12.1</v>
      </c>
      <c r="G21" s="18">
        <v>17.2</v>
      </c>
    </row>
    <row r="22" spans="2:7" x14ac:dyDescent="0.2">
      <c r="B22" s="28" t="s">
        <v>35</v>
      </c>
      <c r="C22" s="9" t="s">
        <v>12</v>
      </c>
      <c r="D22" s="11">
        <v>1241</v>
      </c>
      <c r="E22" s="31">
        <v>1072</v>
      </c>
      <c r="F22" s="13">
        <v>89</v>
      </c>
      <c r="G22" s="14">
        <v>80</v>
      </c>
    </row>
    <row r="23" spans="2:7" x14ac:dyDescent="0.2">
      <c r="B23" s="29"/>
      <c r="C23" s="8"/>
      <c r="D23" s="15">
        <v>100</v>
      </c>
      <c r="E23" s="16">
        <v>86.4</v>
      </c>
      <c r="F23" s="17">
        <v>7.2</v>
      </c>
      <c r="G23" s="18">
        <v>6.4</v>
      </c>
    </row>
    <row r="24" spans="2:7" x14ac:dyDescent="0.2">
      <c r="B24" s="29"/>
      <c r="C24" s="2" t="s">
        <v>23</v>
      </c>
      <c r="D24" s="19">
        <v>563</v>
      </c>
      <c r="E24" s="20">
        <v>505</v>
      </c>
      <c r="F24" s="21">
        <v>29</v>
      </c>
      <c r="G24" s="22">
        <v>29</v>
      </c>
    </row>
    <row r="25" spans="2:7" x14ac:dyDescent="0.2">
      <c r="B25" s="29"/>
      <c r="C25" s="7"/>
      <c r="D25" s="23">
        <v>100</v>
      </c>
      <c r="E25" s="24">
        <v>89.7</v>
      </c>
      <c r="F25" s="25">
        <v>5.2</v>
      </c>
      <c r="G25" s="26">
        <v>5.2</v>
      </c>
    </row>
    <row r="26" spans="2:7" x14ac:dyDescent="0.2">
      <c r="B26" s="29"/>
      <c r="C26" s="2" t="s">
        <v>22</v>
      </c>
      <c r="D26" s="19">
        <v>607</v>
      </c>
      <c r="E26" s="20">
        <v>514</v>
      </c>
      <c r="F26" s="21">
        <v>52</v>
      </c>
      <c r="G26" s="22">
        <v>41</v>
      </c>
    </row>
    <row r="27" spans="2:7" x14ac:dyDescent="0.2">
      <c r="B27" s="29"/>
      <c r="C27" s="7"/>
      <c r="D27" s="23">
        <v>100</v>
      </c>
      <c r="E27" s="24">
        <v>84.7</v>
      </c>
      <c r="F27" s="25">
        <v>8.6</v>
      </c>
      <c r="G27" s="26">
        <v>6.8</v>
      </c>
    </row>
    <row r="28" spans="2:7" x14ac:dyDescent="0.2">
      <c r="B28" s="29"/>
      <c r="C28" s="2" t="s">
        <v>13</v>
      </c>
      <c r="D28" s="19">
        <v>71</v>
      </c>
      <c r="E28" s="20">
        <v>53</v>
      </c>
      <c r="F28" s="21">
        <v>8</v>
      </c>
      <c r="G28" s="22">
        <v>10</v>
      </c>
    </row>
    <row r="29" spans="2:7" x14ac:dyDescent="0.2">
      <c r="B29" s="30"/>
      <c r="C29" s="10"/>
      <c r="D29" s="15">
        <v>100</v>
      </c>
      <c r="E29" s="16">
        <v>74.599999999999994</v>
      </c>
      <c r="F29" s="17">
        <v>11.3</v>
      </c>
      <c r="G29" s="18">
        <v>14.1</v>
      </c>
    </row>
    <row r="30" spans="2:7" x14ac:dyDescent="0.2">
      <c r="B30" s="28" t="s">
        <v>34</v>
      </c>
      <c r="C30" s="9" t="s">
        <v>12</v>
      </c>
      <c r="D30" s="11">
        <v>1241</v>
      </c>
      <c r="E30" s="31">
        <v>1072</v>
      </c>
      <c r="F30" s="13">
        <v>89</v>
      </c>
      <c r="G30" s="14">
        <v>80</v>
      </c>
    </row>
    <row r="31" spans="2:7" x14ac:dyDescent="0.2">
      <c r="B31" s="29"/>
      <c r="C31" s="8"/>
      <c r="D31" s="15">
        <v>100</v>
      </c>
      <c r="E31" s="16">
        <v>86.4</v>
      </c>
      <c r="F31" s="17">
        <v>7.2</v>
      </c>
      <c r="G31" s="18">
        <v>6.4</v>
      </c>
    </row>
    <row r="32" spans="2:7" x14ac:dyDescent="0.2">
      <c r="B32" s="29"/>
      <c r="C32" s="2" t="s">
        <v>76</v>
      </c>
      <c r="D32" s="19">
        <v>3</v>
      </c>
      <c r="E32" s="20">
        <v>3</v>
      </c>
      <c r="F32" s="21" t="s">
        <v>152</v>
      </c>
      <c r="G32" s="22" t="s">
        <v>152</v>
      </c>
    </row>
    <row r="33" spans="2:7" x14ac:dyDescent="0.2">
      <c r="B33" s="29"/>
      <c r="C33" s="7"/>
      <c r="D33" s="23">
        <v>100</v>
      </c>
      <c r="E33" s="24">
        <v>100</v>
      </c>
      <c r="F33" s="25" t="s">
        <v>152</v>
      </c>
      <c r="G33" s="26" t="s">
        <v>152</v>
      </c>
    </row>
    <row r="34" spans="2:7" x14ac:dyDescent="0.2">
      <c r="B34" s="29"/>
      <c r="C34" s="2" t="s">
        <v>78</v>
      </c>
      <c r="D34" s="19">
        <v>51</v>
      </c>
      <c r="E34" s="20">
        <v>49</v>
      </c>
      <c r="F34" s="21">
        <v>2</v>
      </c>
      <c r="G34" s="22" t="s">
        <v>152</v>
      </c>
    </row>
    <row r="35" spans="2:7" x14ac:dyDescent="0.2">
      <c r="B35" s="29"/>
      <c r="C35" s="7"/>
      <c r="D35" s="23">
        <v>100</v>
      </c>
      <c r="E35" s="24">
        <v>96.1</v>
      </c>
      <c r="F35" s="25">
        <v>3.9</v>
      </c>
      <c r="G35" s="26" t="s">
        <v>152</v>
      </c>
    </row>
    <row r="36" spans="2:7" x14ac:dyDescent="0.2">
      <c r="B36" s="29"/>
      <c r="C36" s="2" t="s">
        <v>147</v>
      </c>
      <c r="D36" s="19">
        <v>54</v>
      </c>
      <c r="E36" s="20">
        <v>52</v>
      </c>
      <c r="F36" s="21">
        <v>2</v>
      </c>
      <c r="G36" s="22" t="s">
        <v>152</v>
      </c>
    </row>
    <row r="37" spans="2:7" x14ac:dyDescent="0.2">
      <c r="B37" s="29"/>
      <c r="C37" s="7"/>
      <c r="D37" s="23">
        <v>100</v>
      </c>
      <c r="E37" s="24">
        <v>96.296296296296291</v>
      </c>
      <c r="F37" s="25">
        <v>3.7037037037037033</v>
      </c>
      <c r="G37" s="26" t="s">
        <v>152</v>
      </c>
    </row>
    <row r="38" spans="2:7" x14ac:dyDescent="0.2">
      <c r="B38" s="29"/>
      <c r="C38" s="2" t="s">
        <v>80</v>
      </c>
      <c r="D38" s="19">
        <v>116</v>
      </c>
      <c r="E38" s="20">
        <v>104</v>
      </c>
      <c r="F38" s="21">
        <v>8</v>
      </c>
      <c r="G38" s="22">
        <v>4</v>
      </c>
    </row>
    <row r="39" spans="2:7" x14ac:dyDescent="0.2">
      <c r="B39" s="29"/>
      <c r="C39" s="7"/>
      <c r="D39" s="23">
        <v>100</v>
      </c>
      <c r="E39" s="24">
        <v>89.7</v>
      </c>
      <c r="F39" s="25">
        <v>6.9</v>
      </c>
      <c r="G39" s="26">
        <v>3.4</v>
      </c>
    </row>
    <row r="40" spans="2:7" x14ac:dyDescent="0.2">
      <c r="B40" s="29"/>
      <c r="C40" s="2" t="s">
        <v>82</v>
      </c>
      <c r="D40" s="19">
        <v>200</v>
      </c>
      <c r="E40" s="20">
        <v>176</v>
      </c>
      <c r="F40" s="21">
        <v>14</v>
      </c>
      <c r="G40" s="22">
        <v>10</v>
      </c>
    </row>
    <row r="41" spans="2:7" x14ac:dyDescent="0.2">
      <c r="B41" s="29"/>
      <c r="C41" s="7"/>
      <c r="D41" s="23">
        <v>100</v>
      </c>
      <c r="E41" s="24">
        <v>88</v>
      </c>
      <c r="F41" s="25">
        <v>7</v>
      </c>
      <c r="G41" s="26">
        <v>5</v>
      </c>
    </row>
    <row r="42" spans="2:7" x14ac:dyDescent="0.2">
      <c r="B42" s="29"/>
      <c r="C42" s="2" t="s">
        <v>84</v>
      </c>
      <c r="D42" s="19">
        <v>289</v>
      </c>
      <c r="E42" s="20">
        <v>249</v>
      </c>
      <c r="F42" s="21">
        <v>32</v>
      </c>
      <c r="G42" s="22">
        <v>8</v>
      </c>
    </row>
    <row r="43" spans="2:7" x14ac:dyDescent="0.2">
      <c r="B43" s="29"/>
      <c r="C43" s="7"/>
      <c r="D43" s="23">
        <v>100</v>
      </c>
      <c r="E43" s="24">
        <v>86.2</v>
      </c>
      <c r="F43" s="25">
        <v>11.1</v>
      </c>
      <c r="G43" s="26">
        <v>2.8</v>
      </c>
    </row>
    <row r="44" spans="2:7" x14ac:dyDescent="0.2">
      <c r="B44" s="29"/>
      <c r="C44" s="2" t="s">
        <v>86</v>
      </c>
      <c r="D44" s="19">
        <v>247</v>
      </c>
      <c r="E44" s="20">
        <v>216</v>
      </c>
      <c r="F44" s="21">
        <v>13</v>
      </c>
      <c r="G44" s="22">
        <v>18</v>
      </c>
    </row>
    <row r="45" spans="2:7" x14ac:dyDescent="0.2">
      <c r="B45" s="29"/>
      <c r="C45" s="7"/>
      <c r="D45" s="23">
        <v>100</v>
      </c>
      <c r="E45" s="24">
        <v>87.4</v>
      </c>
      <c r="F45" s="25">
        <v>5.3</v>
      </c>
      <c r="G45" s="26">
        <v>7.3</v>
      </c>
    </row>
    <row r="46" spans="2:7" x14ac:dyDescent="0.2">
      <c r="B46" s="29"/>
      <c r="C46" s="2" t="s">
        <v>88</v>
      </c>
      <c r="D46" s="19">
        <v>125</v>
      </c>
      <c r="E46" s="20">
        <v>106</v>
      </c>
      <c r="F46" s="21">
        <v>5</v>
      </c>
      <c r="G46" s="22">
        <v>14</v>
      </c>
    </row>
    <row r="47" spans="2:7" x14ac:dyDescent="0.2">
      <c r="B47" s="29"/>
      <c r="C47" s="7"/>
      <c r="D47" s="23">
        <v>100</v>
      </c>
      <c r="E47" s="24">
        <v>84.8</v>
      </c>
      <c r="F47" s="25">
        <v>4</v>
      </c>
      <c r="G47" s="26">
        <v>11.2</v>
      </c>
    </row>
    <row r="48" spans="2:7" x14ac:dyDescent="0.2">
      <c r="B48" s="29"/>
      <c r="C48" s="2" t="s">
        <v>90</v>
      </c>
      <c r="D48" s="19">
        <v>150</v>
      </c>
      <c r="E48" s="20">
        <v>128</v>
      </c>
      <c r="F48" s="21">
        <v>8</v>
      </c>
      <c r="G48" s="22">
        <v>14</v>
      </c>
    </row>
    <row r="49" spans="2:7" x14ac:dyDescent="0.2">
      <c r="B49" s="29"/>
      <c r="C49" s="7"/>
      <c r="D49" s="23">
        <v>100</v>
      </c>
      <c r="E49" s="24">
        <v>85.3</v>
      </c>
      <c r="F49" s="25">
        <v>5.3</v>
      </c>
      <c r="G49" s="26">
        <v>9.3000000000000007</v>
      </c>
    </row>
    <row r="50" spans="2:7" x14ac:dyDescent="0.2">
      <c r="B50" s="29"/>
      <c r="C50" s="2" t="s">
        <v>92</v>
      </c>
      <c r="D50" s="19">
        <v>60</v>
      </c>
      <c r="E50" s="20">
        <v>41</v>
      </c>
      <c r="F50" s="21">
        <v>7</v>
      </c>
      <c r="G50" s="22">
        <v>12</v>
      </c>
    </row>
    <row r="51" spans="2:7" x14ac:dyDescent="0.2">
      <c r="B51" s="29"/>
      <c r="C51" s="10"/>
      <c r="D51" s="23">
        <v>100</v>
      </c>
      <c r="E51" s="24">
        <v>68.3</v>
      </c>
      <c r="F51" s="25">
        <v>11.7</v>
      </c>
      <c r="G51" s="26">
        <v>20</v>
      </c>
    </row>
    <row r="52" spans="2:7" x14ac:dyDescent="0.2">
      <c r="B52" s="28" t="s">
        <v>33</v>
      </c>
      <c r="C52" s="9" t="s">
        <v>12</v>
      </c>
      <c r="D52" s="11">
        <v>1241</v>
      </c>
      <c r="E52" s="31">
        <v>1072</v>
      </c>
      <c r="F52" s="13">
        <v>89</v>
      </c>
      <c r="G52" s="14">
        <v>80</v>
      </c>
    </row>
    <row r="53" spans="2:7" x14ac:dyDescent="0.2">
      <c r="B53" s="29"/>
      <c r="C53" s="8"/>
      <c r="D53" s="15">
        <v>100</v>
      </c>
      <c r="E53" s="16">
        <v>86.4</v>
      </c>
      <c r="F53" s="17">
        <v>7.2</v>
      </c>
      <c r="G53" s="18">
        <v>6.4</v>
      </c>
    </row>
    <row r="54" spans="2:7" x14ac:dyDescent="0.2">
      <c r="B54" s="29"/>
      <c r="C54" s="2" t="s">
        <v>57</v>
      </c>
      <c r="D54" s="19">
        <v>2</v>
      </c>
      <c r="E54" s="20">
        <v>2</v>
      </c>
      <c r="F54" s="21" t="s">
        <v>152</v>
      </c>
      <c r="G54" s="22" t="s">
        <v>152</v>
      </c>
    </row>
    <row r="55" spans="2:7" x14ac:dyDescent="0.2">
      <c r="B55" s="29"/>
      <c r="C55" s="7"/>
      <c r="D55" s="23">
        <v>100</v>
      </c>
      <c r="E55" s="24">
        <v>100</v>
      </c>
      <c r="F55" s="25" t="s">
        <v>152</v>
      </c>
      <c r="G55" s="26" t="s">
        <v>152</v>
      </c>
    </row>
    <row r="56" spans="2:7" x14ac:dyDescent="0.2">
      <c r="B56" s="29"/>
      <c r="C56" s="2" t="s">
        <v>63</v>
      </c>
      <c r="D56" s="19">
        <v>20</v>
      </c>
      <c r="E56" s="20">
        <v>19</v>
      </c>
      <c r="F56" s="21">
        <v>1</v>
      </c>
      <c r="G56" s="22" t="s">
        <v>152</v>
      </c>
    </row>
    <row r="57" spans="2:7" x14ac:dyDescent="0.2">
      <c r="B57" s="29"/>
      <c r="C57" s="7"/>
      <c r="D57" s="23">
        <v>100</v>
      </c>
      <c r="E57" s="24">
        <v>95</v>
      </c>
      <c r="F57" s="25">
        <v>5</v>
      </c>
      <c r="G57" s="26" t="s">
        <v>152</v>
      </c>
    </row>
    <row r="58" spans="2:7" x14ac:dyDescent="0.2">
      <c r="B58" s="29"/>
      <c r="C58" s="2" t="s">
        <v>148</v>
      </c>
      <c r="D58" s="19">
        <v>22</v>
      </c>
      <c r="E58" s="20">
        <v>21</v>
      </c>
      <c r="F58" s="21">
        <v>1</v>
      </c>
      <c r="G58" s="22" t="s">
        <v>152</v>
      </c>
    </row>
    <row r="59" spans="2:7" x14ac:dyDescent="0.2">
      <c r="B59" s="29"/>
      <c r="C59" s="7"/>
      <c r="D59" s="23">
        <v>100</v>
      </c>
      <c r="E59" s="24">
        <v>95.454545454545453</v>
      </c>
      <c r="F59" s="25">
        <v>4.5454545454545459</v>
      </c>
      <c r="G59" s="26" t="s">
        <v>152</v>
      </c>
    </row>
    <row r="60" spans="2:7" x14ac:dyDescent="0.2">
      <c r="B60" s="29"/>
      <c r="C60" s="2" t="s">
        <v>64</v>
      </c>
      <c r="D60" s="19">
        <v>51</v>
      </c>
      <c r="E60" s="20">
        <v>44</v>
      </c>
      <c r="F60" s="21">
        <v>4</v>
      </c>
      <c r="G60" s="22">
        <v>3</v>
      </c>
    </row>
    <row r="61" spans="2:7" x14ac:dyDescent="0.2">
      <c r="B61" s="29"/>
      <c r="C61" s="7"/>
      <c r="D61" s="23">
        <v>100</v>
      </c>
      <c r="E61" s="24">
        <v>86.3</v>
      </c>
      <c r="F61" s="25">
        <v>7.8</v>
      </c>
      <c r="G61" s="26">
        <v>5.9</v>
      </c>
    </row>
    <row r="62" spans="2:7" x14ac:dyDescent="0.2">
      <c r="B62" s="29"/>
      <c r="C62" s="2" t="s">
        <v>65</v>
      </c>
      <c r="D62" s="19">
        <v>88</v>
      </c>
      <c r="E62" s="20">
        <v>82</v>
      </c>
      <c r="F62" s="21">
        <v>3</v>
      </c>
      <c r="G62" s="22">
        <v>3</v>
      </c>
    </row>
    <row r="63" spans="2:7" x14ac:dyDescent="0.2">
      <c r="B63" s="29"/>
      <c r="C63" s="7"/>
      <c r="D63" s="23">
        <v>100</v>
      </c>
      <c r="E63" s="24">
        <v>93.2</v>
      </c>
      <c r="F63" s="25">
        <v>3.4</v>
      </c>
      <c r="G63" s="26">
        <v>3.4</v>
      </c>
    </row>
    <row r="64" spans="2:7" x14ac:dyDescent="0.2">
      <c r="B64" s="29"/>
      <c r="C64" s="2" t="s">
        <v>66</v>
      </c>
      <c r="D64" s="19">
        <v>146</v>
      </c>
      <c r="E64" s="20">
        <v>131</v>
      </c>
      <c r="F64" s="21">
        <v>11</v>
      </c>
      <c r="G64" s="22">
        <v>4</v>
      </c>
    </row>
    <row r="65" spans="2:7" x14ac:dyDescent="0.2">
      <c r="B65" s="29"/>
      <c r="C65" s="7"/>
      <c r="D65" s="23">
        <v>100</v>
      </c>
      <c r="E65" s="24">
        <v>89.7</v>
      </c>
      <c r="F65" s="25">
        <v>7.5</v>
      </c>
      <c r="G65" s="26">
        <v>2.7</v>
      </c>
    </row>
    <row r="66" spans="2:7" x14ac:dyDescent="0.2">
      <c r="B66" s="29"/>
      <c r="C66" s="2" t="s">
        <v>67</v>
      </c>
      <c r="D66" s="19">
        <v>133</v>
      </c>
      <c r="E66" s="20">
        <v>118</v>
      </c>
      <c r="F66" s="21">
        <v>7</v>
      </c>
      <c r="G66" s="22">
        <v>8</v>
      </c>
    </row>
    <row r="67" spans="2:7" x14ac:dyDescent="0.2">
      <c r="B67" s="29"/>
      <c r="C67" s="7"/>
      <c r="D67" s="23">
        <v>100</v>
      </c>
      <c r="E67" s="24">
        <v>88.7</v>
      </c>
      <c r="F67" s="25">
        <v>5.3</v>
      </c>
      <c r="G67" s="26">
        <v>6</v>
      </c>
    </row>
    <row r="68" spans="2:7" x14ac:dyDescent="0.2">
      <c r="B68" s="29"/>
      <c r="C68" s="2" t="s">
        <v>58</v>
      </c>
      <c r="D68" s="19">
        <v>57</v>
      </c>
      <c r="E68" s="20">
        <v>52</v>
      </c>
      <c r="F68" s="21" t="s">
        <v>152</v>
      </c>
      <c r="G68" s="22">
        <v>5</v>
      </c>
    </row>
    <row r="69" spans="2:7" x14ac:dyDescent="0.2">
      <c r="B69" s="29"/>
      <c r="C69" s="7"/>
      <c r="D69" s="23">
        <v>100</v>
      </c>
      <c r="E69" s="24">
        <v>91.2</v>
      </c>
      <c r="F69" s="25" t="s">
        <v>152</v>
      </c>
      <c r="G69" s="26">
        <v>8.8000000000000007</v>
      </c>
    </row>
    <row r="70" spans="2:7" x14ac:dyDescent="0.2">
      <c r="B70" s="29"/>
      <c r="C70" s="2" t="s">
        <v>68</v>
      </c>
      <c r="D70" s="19">
        <v>65</v>
      </c>
      <c r="E70" s="20">
        <v>57</v>
      </c>
      <c r="F70" s="21">
        <v>3</v>
      </c>
      <c r="G70" s="22">
        <v>5</v>
      </c>
    </row>
    <row r="71" spans="2:7" x14ac:dyDescent="0.2">
      <c r="B71" s="29"/>
      <c r="C71" s="7"/>
      <c r="D71" s="23">
        <v>100</v>
      </c>
      <c r="E71" s="24">
        <v>87.7</v>
      </c>
      <c r="F71" s="25">
        <v>4.5999999999999996</v>
      </c>
      <c r="G71" s="26">
        <v>7.7</v>
      </c>
    </row>
    <row r="72" spans="2:7" x14ac:dyDescent="0.2">
      <c r="B72" s="29"/>
      <c r="C72" s="2" t="s">
        <v>59</v>
      </c>
      <c r="D72" s="19">
        <v>1</v>
      </c>
      <c r="E72" s="20">
        <v>1</v>
      </c>
      <c r="F72" s="21" t="s">
        <v>152</v>
      </c>
      <c r="G72" s="22" t="s">
        <v>152</v>
      </c>
    </row>
    <row r="73" spans="2:7" x14ac:dyDescent="0.2">
      <c r="B73" s="29"/>
      <c r="C73" s="7"/>
      <c r="D73" s="23">
        <v>100</v>
      </c>
      <c r="E73" s="24">
        <v>100</v>
      </c>
      <c r="F73" s="25" t="s">
        <v>152</v>
      </c>
      <c r="G73" s="26" t="s">
        <v>152</v>
      </c>
    </row>
    <row r="74" spans="2:7" x14ac:dyDescent="0.2">
      <c r="B74" s="29"/>
      <c r="C74" s="2" t="s">
        <v>69</v>
      </c>
      <c r="D74" s="19">
        <v>29</v>
      </c>
      <c r="E74" s="20">
        <v>28</v>
      </c>
      <c r="F74" s="21">
        <v>1</v>
      </c>
      <c r="G74" s="22" t="s">
        <v>152</v>
      </c>
    </row>
    <row r="75" spans="2:7" x14ac:dyDescent="0.2">
      <c r="B75" s="29"/>
      <c r="C75" s="7"/>
      <c r="D75" s="23">
        <v>100</v>
      </c>
      <c r="E75" s="24">
        <v>96.6</v>
      </c>
      <c r="F75" s="25">
        <v>3.4</v>
      </c>
      <c r="G75" s="26" t="s">
        <v>152</v>
      </c>
    </row>
    <row r="76" spans="2:7" x14ac:dyDescent="0.2">
      <c r="B76" s="29"/>
      <c r="C76" s="2" t="s">
        <v>149</v>
      </c>
      <c r="D76" s="19">
        <v>30</v>
      </c>
      <c r="E76" s="20">
        <v>29</v>
      </c>
      <c r="F76" s="21">
        <v>1</v>
      </c>
      <c r="G76" s="22" t="s">
        <v>152</v>
      </c>
    </row>
    <row r="77" spans="2:7" x14ac:dyDescent="0.2">
      <c r="B77" s="29"/>
      <c r="C77" s="7"/>
      <c r="D77" s="23">
        <v>100</v>
      </c>
      <c r="E77" s="24">
        <v>96.666666666666671</v>
      </c>
      <c r="F77" s="25">
        <v>3.3333333333333335</v>
      </c>
      <c r="G77" s="26" t="s">
        <v>152</v>
      </c>
    </row>
    <row r="78" spans="2:7" x14ac:dyDescent="0.2">
      <c r="B78" s="29"/>
      <c r="C78" s="2" t="s">
        <v>70</v>
      </c>
      <c r="D78" s="19">
        <v>64</v>
      </c>
      <c r="E78" s="20">
        <v>59</v>
      </c>
      <c r="F78" s="21">
        <v>4</v>
      </c>
      <c r="G78" s="22">
        <v>1</v>
      </c>
    </row>
    <row r="79" spans="2:7" x14ac:dyDescent="0.2">
      <c r="B79" s="29"/>
      <c r="C79" s="7"/>
      <c r="D79" s="23">
        <v>100</v>
      </c>
      <c r="E79" s="24">
        <v>92.2</v>
      </c>
      <c r="F79" s="25">
        <v>6.3</v>
      </c>
      <c r="G79" s="26">
        <v>1.6</v>
      </c>
    </row>
    <row r="80" spans="2:7" x14ac:dyDescent="0.2">
      <c r="B80" s="29"/>
      <c r="C80" s="2" t="s">
        <v>71</v>
      </c>
      <c r="D80" s="19">
        <v>112</v>
      </c>
      <c r="E80" s="20">
        <v>94</v>
      </c>
      <c r="F80" s="21">
        <v>11</v>
      </c>
      <c r="G80" s="22">
        <v>7</v>
      </c>
    </row>
    <row r="81" spans="2:7" x14ac:dyDescent="0.2">
      <c r="B81" s="29"/>
      <c r="C81" s="7"/>
      <c r="D81" s="23">
        <v>100</v>
      </c>
      <c r="E81" s="24">
        <v>83.9</v>
      </c>
      <c r="F81" s="25">
        <v>9.8000000000000007</v>
      </c>
      <c r="G81" s="26">
        <v>6.3</v>
      </c>
    </row>
    <row r="82" spans="2:7" x14ac:dyDescent="0.2">
      <c r="B82" s="29"/>
      <c r="C82" s="2" t="s">
        <v>72</v>
      </c>
      <c r="D82" s="19">
        <v>137</v>
      </c>
      <c r="E82" s="20">
        <v>113</v>
      </c>
      <c r="F82" s="21">
        <v>20</v>
      </c>
      <c r="G82" s="22">
        <v>4</v>
      </c>
    </row>
    <row r="83" spans="2:7" x14ac:dyDescent="0.2">
      <c r="B83" s="29"/>
      <c r="C83" s="7"/>
      <c r="D83" s="23">
        <v>100</v>
      </c>
      <c r="E83" s="24">
        <v>82.5</v>
      </c>
      <c r="F83" s="25">
        <v>14.6</v>
      </c>
      <c r="G83" s="26">
        <v>2.9</v>
      </c>
    </row>
    <row r="84" spans="2:7" x14ac:dyDescent="0.2">
      <c r="B84" s="29"/>
      <c r="C84" s="2" t="s">
        <v>73</v>
      </c>
      <c r="D84" s="19">
        <v>112</v>
      </c>
      <c r="E84" s="20">
        <v>96</v>
      </c>
      <c r="F84" s="21">
        <v>6</v>
      </c>
      <c r="G84" s="22">
        <v>10</v>
      </c>
    </row>
    <row r="85" spans="2:7" x14ac:dyDescent="0.2">
      <c r="B85" s="29"/>
      <c r="C85" s="7"/>
      <c r="D85" s="23">
        <v>100</v>
      </c>
      <c r="E85" s="24">
        <v>85.7</v>
      </c>
      <c r="F85" s="25">
        <v>5.4</v>
      </c>
      <c r="G85" s="26">
        <v>8.9</v>
      </c>
    </row>
    <row r="86" spans="2:7" x14ac:dyDescent="0.2">
      <c r="B86" s="29"/>
      <c r="C86" s="2" t="s">
        <v>60</v>
      </c>
      <c r="D86" s="19">
        <v>66</v>
      </c>
      <c r="E86" s="20">
        <v>52</v>
      </c>
      <c r="F86" s="21">
        <v>5</v>
      </c>
      <c r="G86" s="22">
        <v>9</v>
      </c>
    </row>
    <row r="87" spans="2:7" x14ac:dyDescent="0.2">
      <c r="B87" s="29"/>
      <c r="C87" s="7"/>
      <c r="D87" s="23">
        <v>100</v>
      </c>
      <c r="E87" s="24">
        <v>78.8</v>
      </c>
      <c r="F87" s="25">
        <v>7.6</v>
      </c>
      <c r="G87" s="26">
        <v>13.6</v>
      </c>
    </row>
    <row r="88" spans="2:7" x14ac:dyDescent="0.2">
      <c r="B88" s="29"/>
      <c r="C88" s="2" t="s">
        <v>74</v>
      </c>
      <c r="D88" s="19">
        <v>83</v>
      </c>
      <c r="E88" s="20">
        <v>69</v>
      </c>
      <c r="F88" s="21">
        <v>5</v>
      </c>
      <c r="G88" s="22">
        <v>9</v>
      </c>
    </row>
    <row r="89" spans="2:7" x14ac:dyDescent="0.2">
      <c r="B89" s="29"/>
      <c r="C89" s="7"/>
      <c r="D89" s="23">
        <v>100</v>
      </c>
      <c r="E89" s="24">
        <v>83.1</v>
      </c>
      <c r="F89" s="25">
        <v>6</v>
      </c>
      <c r="G89" s="26">
        <v>10.8</v>
      </c>
    </row>
    <row r="90" spans="2:7" x14ac:dyDescent="0.2">
      <c r="B90" s="29"/>
      <c r="C90" s="2" t="s">
        <v>0</v>
      </c>
      <c r="D90" s="19">
        <v>75</v>
      </c>
      <c r="E90" s="20">
        <v>55</v>
      </c>
      <c r="F90" s="21">
        <v>8</v>
      </c>
      <c r="G90" s="22">
        <v>12</v>
      </c>
    </row>
    <row r="91" spans="2:7" x14ac:dyDescent="0.2">
      <c r="B91" s="29"/>
      <c r="C91" s="7"/>
      <c r="D91" s="23">
        <v>100</v>
      </c>
      <c r="E91" s="24">
        <v>73.3</v>
      </c>
      <c r="F91" s="25">
        <v>10.7</v>
      </c>
      <c r="G91" s="26">
        <v>16</v>
      </c>
    </row>
    <row r="92" spans="2:7" x14ac:dyDescent="0.2">
      <c r="B92" s="28" t="s">
        <v>32</v>
      </c>
      <c r="C92" s="9" t="s">
        <v>12</v>
      </c>
      <c r="D92" s="11">
        <v>1241</v>
      </c>
      <c r="E92" s="31">
        <v>1072</v>
      </c>
      <c r="F92" s="13">
        <v>89</v>
      </c>
      <c r="G92" s="14">
        <v>80</v>
      </c>
    </row>
    <row r="93" spans="2:7" x14ac:dyDescent="0.2">
      <c r="B93" s="29"/>
      <c r="C93" s="8"/>
      <c r="D93" s="15">
        <v>100</v>
      </c>
      <c r="E93" s="16">
        <v>86.4</v>
      </c>
      <c r="F93" s="17">
        <v>7.2</v>
      </c>
      <c r="G93" s="18">
        <v>6.4</v>
      </c>
    </row>
    <row r="94" spans="2:7" x14ac:dyDescent="0.2">
      <c r="B94" s="29"/>
      <c r="C94" s="2" t="s">
        <v>21</v>
      </c>
      <c r="D94" s="19">
        <v>65</v>
      </c>
      <c r="E94" s="20">
        <v>59</v>
      </c>
      <c r="F94" s="21">
        <v>2</v>
      </c>
      <c r="G94" s="22">
        <v>4</v>
      </c>
    </row>
    <row r="95" spans="2:7" x14ac:dyDescent="0.2">
      <c r="B95" s="29"/>
      <c r="C95" s="7"/>
      <c r="D95" s="23">
        <v>100</v>
      </c>
      <c r="E95" s="24">
        <v>90.8</v>
      </c>
      <c r="F95" s="25">
        <v>3.1</v>
      </c>
      <c r="G95" s="26">
        <v>6.2</v>
      </c>
    </row>
    <row r="96" spans="2:7" x14ac:dyDescent="0.2">
      <c r="B96" s="29"/>
      <c r="C96" s="2" t="s">
        <v>20</v>
      </c>
      <c r="D96" s="19">
        <v>7</v>
      </c>
      <c r="E96" s="20">
        <v>7</v>
      </c>
      <c r="F96" s="21" t="s">
        <v>152</v>
      </c>
      <c r="G96" s="22" t="s">
        <v>152</v>
      </c>
    </row>
    <row r="97" spans="2:7" x14ac:dyDescent="0.2">
      <c r="B97" s="29"/>
      <c r="C97" s="7"/>
      <c r="D97" s="23">
        <v>100</v>
      </c>
      <c r="E97" s="24">
        <v>100</v>
      </c>
      <c r="F97" s="25" t="s">
        <v>152</v>
      </c>
      <c r="G97" s="26" t="s">
        <v>152</v>
      </c>
    </row>
    <row r="98" spans="2:7" x14ac:dyDescent="0.2">
      <c r="B98" s="29"/>
      <c r="C98" s="2" t="s">
        <v>19</v>
      </c>
      <c r="D98" s="19">
        <v>484</v>
      </c>
      <c r="E98" s="20">
        <v>431</v>
      </c>
      <c r="F98" s="21">
        <v>35</v>
      </c>
      <c r="G98" s="22">
        <v>18</v>
      </c>
    </row>
    <row r="99" spans="2:7" x14ac:dyDescent="0.2">
      <c r="B99" s="29"/>
      <c r="C99" s="7"/>
      <c r="D99" s="23">
        <v>100</v>
      </c>
      <c r="E99" s="24">
        <v>89</v>
      </c>
      <c r="F99" s="25">
        <v>7.2</v>
      </c>
      <c r="G99" s="26">
        <v>3.7</v>
      </c>
    </row>
    <row r="100" spans="2:7" x14ac:dyDescent="0.2">
      <c r="B100" s="29"/>
      <c r="C100" s="2" t="s">
        <v>18</v>
      </c>
      <c r="D100" s="19">
        <v>195</v>
      </c>
      <c r="E100" s="20">
        <v>167</v>
      </c>
      <c r="F100" s="21">
        <v>17</v>
      </c>
      <c r="G100" s="22">
        <v>11</v>
      </c>
    </row>
    <row r="101" spans="2:7" x14ac:dyDescent="0.2">
      <c r="B101" s="29"/>
      <c r="C101" s="7"/>
      <c r="D101" s="23">
        <v>100</v>
      </c>
      <c r="E101" s="24">
        <v>85.6</v>
      </c>
      <c r="F101" s="25">
        <v>8.6999999999999993</v>
      </c>
      <c r="G101" s="26">
        <v>5.6</v>
      </c>
    </row>
    <row r="102" spans="2:7" x14ac:dyDescent="0.2">
      <c r="B102" s="29"/>
      <c r="C102" s="2" t="s">
        <v>17</v>
      </c>
      <c r="D102" s="19">
        <v>1</v>
      </c>
      <c r="E102" s="20">
        <v>1</v>
      </c>
      <c r="F102" s="21" t="s">
        <v>152</v>
      </c>
      <c r="G102" s="22" t="s">
        <v>152</v>
      </c>
    </row>
    <row r="103" spans="2:7" x14ac:dyDescent="0.2">
      <c r="B103" s="29"/>
      <c r="C103" s="7"/>
      <c r="D103" s="23">
        <v>100</v>
      </c>
      <c r="E103" s="24">
        <v>100</v>
      </c>
      <c r="F103" s="25" t="s">
        <v>152</v>
      </c>
      <c r="G103" s="26" t="s">
        <v>152</v>
      </c>
    </row>
    <row r="104" spans="2:7" x14ac:dyDescent="0.2">
      <c r="B104" s="29"/>
      <c r="C104" s="2" t="s">
        <v>151</v>
      </c>
      <c r="D104" s="19">
        <v>178</v>
      </c>
      <c r="E104" s="20">
        <v>159</v>
      </c>
      <c r="F104" s="21">
        <v>7</v>
      </c>
      <c r="G104" s="22">
        <v>12</v>
      </c>
    </row>
    <row r="105" spans="2:7" x14ac:dyDescent="0.2">
      <c r="B105" s="29"/>
      <c r="C105" s="7"/>
      <c r="D105" s="23">
        <v>100</v>
      </c>
      <c r="E105" s="24">
        <v>89.3</v>
      </c>
      <c r="F105" s="25">
        <v>3.9</v>
      </c>
      <c r="G105" s="26">
        <v>6.7</v>
      </c>
    </row>
    <row r="106" spans="2:7" x14ac:dyDescent="0.2">
      <c r="B106" s="29"/>
      <c r="C106" s="2" t="s">
        <v>16</v>
      </c>
      <c r="D106" s="19">
        <v>10</v>
      </c>
      <c r="E106" s="20">
        <v>10</v>
      </c>
      <c r="F106" s="21" t="s">
        <v>152</v>
      </c>
      <c r="G106" s="22" t="s">
        <v>152</v>
      </c>
    </row>
    <row r="107" spans="2:7" x14ac:dyDescent="0.2">
      <c r="B107" s="29"/>
      <c r="C107" s="7"/>
      <c r="D107" s="23">
        <v>100</v>
      </c>
      <c r="E107" s="24">
        <v>100</v>
      </c>
      <c r="F107" s="25" t="s">
        <v>152</v>
      </c>
      <c r="G107" s="26" t="s">
        <v>152</v>
      </c>
    </row>
    <row r="108" spans="2:7" x14ac:dyDescent="0.2">
      <c r="B108" s="29"/>
      <c r="C108" s="2" t="s">
        <v>15</v>
      </c>
      <c r="D108" s="19">
        <v>211</v>
      </c>
      <c r="E108" s="20">
        <v>175</v>
      </c>
      <c r="F108" s="21">
        <v>17</v>
      </c>
      <c r="G108" s="22">
        <v>19</v>
      </c>
    </row>
    <row r="109" spans="2:7" x14ac:dyDescent="0.2">
      <c r="B109" s="29"/>
      <c r="C109" s="7"/>
      <c r="D109" s="23">
        <v>100</v>
      </c>
      <c r="E109" s="24">
        <v>82.9</v>
      </c>
      <c r="F109" s="25">
        <v>8.1</v>
      </c>
      <c r="G109" s="26">
        <v>9</v>
      </c>
    </row>
    <row r="110" spans="2:7" x14ac:dyDescent="0.2">
      <c r="B110" s="29"/>
      <c r="C110" s="2" t="s">
        <v>14</v>
      </c>
      <c r="D110" s="19">
        <v>12</v>
      </c>
      <c r="E110" s="20">
        <v>8</v>
      </c>
      <c r="F110" s="21">
        <v>3</v>
      </c>
      <c r="G110" s="22">
        <v>1</v>
      </c>
    </row>
    <row r="111" spans="2:7" x14ac:dyDescent="0.2">
      <c r="B111" s="29"/>
      <c r="C111" s="7"/>
      <c r="D111" s="23">
        <v>100</v>
      </c>
      <c r="E111" s="24">
        <v>66.7</v>
      </c>
      <c r="F111" s="25">
        <v>25</v>
      </c>
      <c r="G111" s="26">
        <v>8.3000000000000007</v>
      </c>
    </row>
    <row r="112" spans="2:7" x14ac:dyDescent="0.2">
      <c r="B112" s="29"/>
      <c r="C112" s="2" t="s">
        <v>13</v>
      </c>
      <c r="D112" s="19">
        <v>78</v>
      </c>
      <c r="E112" s="20">
        <v>55</v>
      </c>
      <c r="F112" s="21">
        <v>8</v>
      </c>
      <c r="G112" s="22">
        <v>15</v>
      </c>
    </row>
    <row r="113" spans="2:7" x14ac:dyDescent="0.2">
      <c r="B113" s="30"/>
      <c r="C113" s="10"/>
      <c r="D113" s="15">
        <v>100</v>
      </c>
      <c r="E113" s="16">
        <v>70.5</v>
      </c>
      <c r="F113" s="17">
        <v>10.3</v>
      </c>
      <c r="G113" s="18">
        <v>19.2</v>
      </c>
    </row>
    <row r="114" spans="2:7" x14ac:dyDescent="0.2">
      <c r="B114" s="28" t="s">
        <v>31</v>
      </c>
      <c r="C114" s="9" t="s">
        <v>12</v>
      </c>
      <c r="D114" s="11">
        <v>752</v>
      </c>
      <c r="E114" s="12">
        <v>665</v>
      </c>
      <c r="F114" s="13">
        <v>54</v>
      </c>
      <c r="G114" s="14">
        <v>33</v>
      </c>
    </row>
    <row r="115" spans="2:7" x14ac:dyDescent="0.2">
      <c r="B115" s="29"/>
      <c r="C115" s="8"/>
      <c r="D115" s="15">
        <v>100</v>
      </c>
      <c r="E115" s="16">
        <v>88.4</v>
      </c>
      <c r="F115" s="17">
        <v>7.2</v>
      </c>
      <c r="G115" s="18">
        <v>4.4000000000000004</v>
      </c>
    </row>
    <row r="116" spans="2:7" x14ac:dyDescent="0.2">
      <c r="B116" s="29"/>
      <c r="C116" s="2" t="s">
        <v>11</v>
      </c>
      <c r="D116" s="19">
        <v>2</v>
      </c>
      <c r="E116" s="20">
        <v>2</v>
      </c>
      <c r="F116" s="21" t="s">
        <v>152</v>
      </c>
      <c r="G116" s="22" t="s">
        <v>152</v>
      </c>
    </row>
    <row r="117" spans="2:7" x14ac:dyDescent="0.2">
      <c r="B117" s="29"/>
      <c r="C117" s="7"/>
      <c r="D117" s="23">
        <v>100</v>
      </c>
      <c r="E117" s="24">
        <v>100</v>
      </c>
      <c r="F117" s="25" t="s">
        <v>152</v>
      </c>
      <c r="G117" s="26" t="s">
        <v>152</v>
      </c>
    </row>
    <row r="118" spans="2:7" x14ac:dyDescent="0.2">
      <c r="B118" s="29"/>
      <c r="C118" s="2" t="s">
        <v>10</v>
      </c>
      <c r="D118" s="19">
        <v>32</v>
      </c>
      <c r="E118" s="20">
        <v>29</v>
      </c>
      <c r="F118" s="21">
        <v>1</v>
      </c>
      <c r="G118" s="22">
        <v>2</v>
      </c>
    </row>
    <row r="119" spans="2:7" x14ac:dyDescent="0.2">
      <c r="B119" s="29"/>
      <c r="C119" s="7"/>
      <c r="D119" s="23">
        <v>100</v>
      </c>
      <c r="E119" s="24">
        <v>90.6</v>
      </c>
      <c r="F119" s="25">
        <v>3.1</v>
      </c>
      <c r="G119" s="26">
        <v>6.3</v>
      </c>
    </row>
    <row r="120" spans="2:7" x14ac:dyDescent="0.2">
      <c r="B120" s="29"/>
      <c r="C120" s="2" t="s">
        <v>9</v>
      </c>
      <c r="D120" s="19">
        <v>33</v>
      </c>
      <c r="E120" s="20">
        <v>30</v>
      </c>
      <c r="F120" s="21">
        <v>1</v>
      </c>
      <c r="G120" s="22">
        <v>2</v>
      </c>
    </row>
    <row r="121" spans="2:7" x14ac:dyDescent="0.2">
      <c r="B121" s="29"/>
      <c r="C121" s="7"/>
      <c r="D121" s="23">
        <v>100</v>
      </c>
      <c r="E121" s="24">
        <v>90.9</v>
      </c>
      <c r="F121" s="25">
        <v>3</v>
      </c>
      <c r="G121" s="26">
        <v>6.1</v>
      </c>
    </row>
    <row r="122" spans="2:7" x14ac:dyDescent="0.2">
      <c r="B122" s="29"/>
      <c r="C122" s="2" t="s">
        <v>8</v>
      </c>
      <c r="D122" s="19">
        <v>71</v>
      </c>
      <c r="E122" s="20">
        <v>64</v>
      </c>
      <c r="F122" s="21">
        <v>5</v>
      </c>
      <c r="G122" s="22">
        <v>2</v>
      </c>
    </row>
    <row r="123" spans="2:7" x14ac:dyDescent="0.2">
      <c r="B123" s="29"/>
      <c r="C123" s="7"/>
      <c r="D123" s="23">
        <v>100</v>
      </c>
      <c r="E123" s="24">
        <v>90.1</v>
      </c>
      <c r="F123" s="25">
        <v>7</v>
      </c>
      <c r="G123" s="26">
        <v>2.8</v>
      </c>
    </row>
    <row r="124" spans="2:7" x14ac:dyDescent="0.2">
      <c r="B124" s="29"/>
      <c r="C124" s="2" t="s">
        <v>7</v>
      </c>
      <c r="D124" s="19">
        <v>152</v>
      </c>
      <c r="E124" s="20">
        <v>136</v>
      </c>
      <c r="F124" s="21">
        <v>10</v>
      </c>
      <c r="G124" s="22">
        <v>6</v>
      </c>
    </row>
    <row r="125" spans="2:7" x14ac:dyDescent="0.2">
      <c r="B125" s="29"/>
      <c r="C125" s="7"/>
      <c r="D125" s="23">
        <v>100</v>
      </c>
      <c r="E125" s="24">
        <v>89.5</v>
      </c>
      <c r="F125" s="25">
        <v>6.6</v>
      </c>
      <c r="G125" s="26">
        <v>3.9</v>
      </c>
    </row>
    <row r="126" spans="2:7" x14ac:dyDescent="0.2">
      <c r="B126" s="29"/>
      <c r="C126" s="2" t="s">
        <v>6</v>
      </c>
      <c r="D126" s="19">
        <v>176</v>
      </c>
      <c r="E126" s="20">
        <v>151</v>
      </c>
      <c r="F126" s="21">
        <v>17</v>
      </c>
      <c r="G126" s="22">
        <v>8</v>
      </c>
    </row>
    <row r="127" spans="2:7" x14ac:dyDescent="0.2">
      <c r="B127" s="29"/>
      <c r="C127" s="7"/>
      <c r="D127" s="23">
        <v>100</v>
      </c>
      <c r="E127" s="24">
        <v>85.8</v>
      </c>
      <c r="F127" s="25">
        <v>9.6999999999999993</v>
      </c>
      <c r="G127" s="26">
        <v>4.5</v>
      </c>
    </row>
    <row r="128" spans="2:7" x14ac:dyDescent="0.2">
      <c r="B128" s="29"/>
      <c r="C128" s="2" t="s">
        <v>5</v>
      </c>
      <c r="D128" s="19">
        <v>37</v>
      </c>
      <c r="E128" s="20">
        <v>36</v>
      </c>
      <c r="F128" s="21" t="s">
        <v>152</v>
      </c>
      <c r="G128" s="22">
        <v>1</v>
      </c>
    </row>
    <row r="129" spans="2:7" x14ac:dyDescent="0.2">
      <c r="B129" s="29"/>
      <c r="C129" s="7"/>
      <c r="D129" s="23">
        <v>100</v>
      </c>
      <c r="E129" s="24">
        <v>97.3</v>
      </c>
      <c r="F129" s="25" t="s">
        <v>152</v>
      </c>
      <c r="G129" s="26">
        <v>2.7</v>
      </c>
    </row>
    <row r="130" spans="2:7" x14ac:dyDescent="0.2">
      <c r="B130" s="29"/>
      <c r="C130" s="2" t="s">
        <v>4</v>
      </c>
      <c r="D130" s="19">
        <v>67</v>
      </c>
      <c r="E130" s="20">
        <v>64</v>
      </c>
      <c r="F130" s="21">
        <v>3</v>
      </c>
      <c r="G130" s="22" t="s">
        <v>152</v>
      </c>
    </row>
    <row r="131" spans="2:7" x14ac:dyDescent="0.2">
      <c r="B131" s="29"/>
      <c r="C131" s="7"/>
      <c r="D131" s="23">
        <v>100</v>
      </c>
      <c r="E131" s="24">
        <v>95.5</v>
      </c>
      <c r="F131" s="25">
        <v>4.5</v>
      </c>
      <c r="G131" s="26" t="s">
        <v>152</v>
      </c>
    </row>
    <row r="132" spans="2:7" x14ac:dyDescent="0.2">
      <c r="B132" s="29"/>
      <c r="C132" s="2" t="s">
        <v>3</v>
      </c>
      <c r="D132" s="19">
        <v>159</v>
      </c>
      <c r="E132" s="20">
        <v>133</v>
      </c>
      <c r="F132" s="21">
        <v>16</v>
      </c>
      <c r="G132" s="22">
        <v>10</v>
      </c>
    </row>
    <row r="133" spans="2:7" x14ac:dyDescent="0.2">
      <c r="B133" s="29"/>
      <c r="C133" s="7"/>
      <c r="D133" s="23">
        <v>100</v>
      </c>
      <c r="E133" s="24">
        <v>83.6</v>
      </c>
      <c r="F133" s="25">
        <v>10.1</v>
      </c>
      <c r="G133" s="26">
        <v>6.3</v>
      </c>
    </row>
    <row r="134" spans="2:7" x14ac:dyDescent="0.2">
      <c r="B134" s="29"/>
      <c r="C134" s="2" t="s">
        <v>2</v>
      </c>
      <c r="D134" s="19">
        <v>23</v>
      </c>
      <c r="E134" s="20">
        <v>20</v>
      </c>
      <c r="F134" s="21">
        <v>1</v>
      </c>
      <c r="G134" s="22">
        <v>2</v>
      </c>
    </row>
    <row r="135" spans="2:7" x14ac:dyDescent="0.2">
      <c r="B135" s="30"/>
      <c r="C135" s="10"/>
      <c r="D135" s="15">
        <v>100</v>
      </c>
      <c r="E135" s="16">
        <v>87</v>
      </c>
      <c r="F135" s="17">
        <v>4.3</v>
      </c>
      <c r="G135" s="18">
        <v>8.699999999999999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election activeCell="R10" sqref="R10"/>
    </sheetView>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67</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31">
        <v>1072</v>
      </c>
      <c r="F4" s="13">
        <v>89</v>
      </c>
      <c r="G4" s="14">
        <v>80</v>
      </c>
    </row>
    <row r="5" spans="2:7" x14ac:dyDescent="0.2">
      <c r="B5" s="29"/>
      <c r="C5" s="8"/>
      <c r="D5" s="15">
        <v>100</v>
      </c>
      <c r="E5" s="16">
        <v>86.4</v>
      </c>
      <c r="F5" s="17">
        <v>7.2</v>
      </c>
      <c r="G5" s="18">
        <v>6.4</v>
      </c>
    </row>
    <row r="6" spans="2:7" x14ac:dyDescent="0.2">
      <c r="B6" s="29"/>
      <c r="C6" s="2" t="s">
        <v>52</v>
      </c>
      <c r="D6" s="19">
        <v>557</v>
      </c>
      <c r="E6" s="20">
        <v>490</v>
      </c>
      <c r="F6" s="21">
        <v>30</v>
      </c>
      <c r="G6" s="22">
        <v>37</v>
      </c>
    </row>
    <row r="7" spans="2:7" x14ac:dyDescent="0.2">
      <c r="B7" s="29"/>
      <c r="C7" s="7"/>
      <c r="D7" s="23">
        <v>100</v>
      </c>
      <c r="E7" s="24">
        <v>88</v>
      </c>
      <c r="F7" s="25">
        <v>5.4</v>
      </c>
      <c r="G7" s="26">
        <v>6.6</v>
      </c>
    </row>
    <row r="8" spans="2:7" x14ac:dyDescent="0.2">
      <c r="B8" s="29"/>
      <c r="C8" s="2" t="s">
        <v>51</v>
      </c>
      <c r="D8" s="19">
        <v>595</v>
      </c>
      <c r="E8" s="20">
        <v>518</v>
      </c>
      <c r="F8" s="21">
        <v>48</v>
      </c>
      <c r="G8" s="22">
        <v>29</v>
      </c>
    </row>
    <row r="9" spans="2:7" x14ac:dyDescent="0.2">
      <c r="B9" s="29"/>
      <c r="C9" s="7"/>
      <c r="D9" s="23">
        <v>100</v>
      </c>
      <c r="E9" s="24">
        <v>87.1</v>
      </c>
      <c r="F9" s="25">
        <v>8.1</v>
      </c>
      <c r="G9" s="26">
        <v>4.9000000000000004</v>
      </c>
    </row>
    <row r="10" spans="2:7" x14ac:dyDescent="0.2">
      <c r="B10" s="29"/>
      <c r="C10" s="2" t="s">
        <v>13</v>
      </c>
      <c r="D10" s="19">
        <v>89</v>
      </c>
      <c r="E10" s="20">
        <v>64</v>
      </c>
      <c r="F10" s="21">
        <v>11</v>
      </c>
      <c r="G10" s="22">
        <v>14</v>
      </c>
    </row>
    <row r="11" spans="2:7" x14ac:dyDescent="0.2">
      <c r="B11" s="30"/>
      <c r="C11" s="10"/>
      <c r="D11" s="15">
        <v>100</v>
      </c>
      <c r="E11" s="16">
        <v>71.900000000000006</v>
      </c>
      <c r="F11" s="17">
        <v>12.4</v>
      </c>
      <c r="G11" s="18">
        <v>15.7</v>
      </c>
    </row>
    <row r="12" spans="2:7" x14ac:dyDescent="0.2">
      <c r="B12" s="28" t="s">
        <v>54</v>
      </c>
      <c r="C12" s="9" t="s">
        <v>12</v>
      </c>
      <c r="D12" s="11">
        <v>1241</v>
      </c>
      <c r="E12" s="31">
        <v>1072</v>
      </c>
      <c r="F12" s="13">
        <v>89</v>
      </c>
      <c r="G12" s="14">
        <v>80</v>
      </c>
    </row>
    <row r="13" spans="2:7" x14ac:dyDescent="0.2">
      <c r="B13" s="29"/>
      <c r="C13" s="8"/>
      <c r="D13" s="15">
        <v>100</v>
      </c>
      <c r="E13" s="16">
        <v>86.4</v>
      </c>
      <c r="F13" s="17">
        <v>7.2</v>
      </c>
      <c r="G13" s="18">
        <v>6.4</v>
      </c>
    </row>
    <row r="14" spans="2:7" x14ac:dyDescent="0.2">
      <c r="B14" s="29"/>
      <c r="C14" s="2" t="s">
        <v>50</v>
      </c>
      <c r="D14" s="19">
        <v>84</v>
      </c>
      <c r="E14" s="20">
        <v>82</v>
      </c>
      <c r="F14" s="21">
        <v>1</v>
      </c>
      <c r="G14" s="22">
        <v>1</v>
      </c>
    </row>
    <row r="15" spans="2:7" x14ac:dyDescent="0.2">
      <c r="B15" s="29"/>
      <c r="C15" s="7"/>
      <c r="D15" s="23">
        <v>100</v>
      </c>
      <c r="E15" s="24">
        <v>97.6</v>
      </c>
      <c r="F15" s="25">
        <v>1.2</v>
      </c>
      <c r="G15" s="26">
        <v>1.2</v>
      </c>
    </row>
    <row r="16" spans="2:7" x14ac:dyDescent="0.2">
      <c r="B16" s="29"/>
      <c r="C16" s="2" t="s">
        <v>49</v>
      </c>
      <c r="D16" s="19">
        <v>97</v>
      </c>
      <c r="E16" s="20">
        <v>94</v>
      </c>
      <c r="F16" s="21">
        <v>2</v>
      </c>
      <c r="G16" s="22">
        <v>1</v>
      </c>
    </row>
    <row r="17" spans="2:7" x14ac:dyDescent="0.2">
      <c r="B17" s="29"/>
      <c r="C17" s="7"/>
      <c r="D17" s="23">
        <v>100</v>
      </c>
      <c r="E17" s="24">
        <v>96.9</v>
      </c>
      <c r="F17" s="25">
        <v>2.1</v>
      </c>
      <c r="G17" s="26">
        <v>1</v>
      </c>
    </row>
    <row r="18" spans="2:7" x14ac:dyDescent="0.2">
      <c r="B18" s="29"/>
      <c r="C18" s="2" t="s">
        <v>48</v>
      </c>
      <c r="D18" s="19">
        <v>79</v>
      </c>
      <c r="E18" s="20">
        <v>72</v>
      </c>
      <c r="F18" s="21">
        <v>4</v>
      </c>
      <c r="G18" s="22">
        <v>3</v>
      </c>
    </row>
    <row r="19" spans="2:7" x14ac:dyDescent="0.2">
      <c r="B19" s="29"/>
      <c r="C19" s="7"/>
      <c r="D19" s="23">
        <v>100</v>
      </c>
      <c r="E19" s="24">
        <v>91.1</v>
      </c>
      <c r="F19" s="25">
        <v>5.0999999999999996</v>
      </c>
      <c r="G19" s="26">
        <v>3.8</v>
      </c>
    </row>
    <row r="20" spans="2:7" x14ac:dyDescent="0.2">
      <c r="B20" s="29"/>
      <c r="C20" s="2" t="s">
        <v>47</v>
      </c>
      <c r="D20" s="19">
        <v>72</v>
      </c>
      <c r="E20" s="20">
        <v>61</v>
      </c>
      <c r="F20" s="21">
        <v>8</v>
      </c>
      <c r="G20" s="22">
        <v>3</v>
      </c>
    </row>
    <row r="21" spans="2:7" x14ac:dyDescent="0.2">
      <c r="B21" s="29"/>
      <c r="C21" s="7"/>
      <c r="D21" s="23">
        <v>100</v>
      </c>
      <c r="E21" s="24">
        <v>84.7</v>
      </c>
      <c r="F21" s="25">
        <v>11.1</v>
      </c>
      <c r="G21" s="26">
        <v>4.2</v>
      </c>
    </row>
    <row r="22" spans="2:7" x14ac:dyDescent="0.2">
      <c r="B22" s="29"/>
      <c r="C22" s="2" t="s">
        <v>46</v>
      </c>
      <c r="D22" s="19">
        <v>15</v>
      </c>
      <c r="E22" s="20">
        <v>13</v>
      </c>
      <c r="F22" s="21">
        <v>1</v>
      </c>
      <c r="G22" s="22">
        <v>1</v>
      </c>
    </row>
    <row r="23" spans="2:7" x14ac:dyDescent="0.2">
      <c r="B23" s="29"/>
      <c r="C23" s="7"/>
      <c r="D23" s="23">
        <v>100</v>
      </c>
      <c r="E23" s="24">
        <v>86.7</v>
      </c>
      <c r="F23" s="25">
        <v>6.7</v>
      </c>
      <c r="G23" s="26">
        <v>6.7</v>
      </c>
    </row>
    <row r="24" spans="2:7" x14ac:dyDescent="0.2">
      <c r="B24" s="29"/>
      <c r="C24" s="2" t="s">
        <v>45</v>
      </c>
      <c r="D24" s="19">
        <v>77</v>
      </c>
      <c r="E24" s="20">
        <v>70</v>
      </c>
      <c r="F24" s="21">
        <v>4</v>
      </c>
      <c r="G24" s="22">
        <v>3</v>
      </c>
    </row>
    <row r="25" spans="2:7" x14ac:dyDescent="0.2">
      <c r="B25" s="29"/>
      <c r="C25" s="7"/>
      <c r="D25" s="23">
        <v>100</v>
      </c>
      <c r="E25" s="24">
        <v>90.9</v>
      </c>
      <c r="F25" s="25">
        <v>5.2</v>
      </c>
      <c r="G25" s="26">
        <v>3.9</v>
      </c>
    </row>
    <row r="26" spans="2:7" x14ac:dyDescent="0.2">
      <c r="B26" s="29"/>
      <c r="C26" s="2" t="s">
        <v>44</v>
      </c>
      <c r="D26" s="19">
        <v>260</v>
      </c>
      <c r="E26" s="20">
        <v>227</v>
      </c>
      <c r="F26" s="21">
        <v>14</v>
      </c>
      <c r="G26" s="22">
        <v>19</v>
      </c>
    </row>
    <row r="27" spans="2:7" x14ac:dyDescent="0.2">
      <c r="B27" s="29"/>
      <c r="C27" s="7"/>
      <c r="D27" s="23">
        <v>100</v>
      </c>
      <c r="E27" s="24">
        <v>87.3</v>
      </c>
      <c r="F27" s="25">
        <v>5.4</v>
      </c>
      <c r="G27" s="26">
        <v>7.3</v>
      </c>
    </row>
    <row r="28" spans="2:7" x14ac:dyDescent="0.2">
      <c r="B28" s="29"/>
      <c r="C28" s="2" t="s">
        <v>43</v>
      </c>
      <c r="D28" s="19">
        <v>334</v>
      </c>
      <c r="E28" s="20">
        <v>297</v>
      </c>
      <c r="F28" s="21">
        <v>13</v>
      </c>
      <c r="G28" s="22">
        <v>24</v>
      </c>
    </row>
    <row r="29" spans="2:7" x14ac:dyDescent="0.2">
      <c r="B29" s="29"/>
      <c r="C29" s="7"/>
      <c r="D29" s="23">
        <v>100</v>
      </c>
      <c r="E29" s="24">
        <v>88.9</v>
      </c>
      <c r="F29" s="25">
        <v>3.9</v>
      </c>
      <c r="G29" s="26">
        <v>7.2</v>
      </c>
    </row>
    <row r="30" spans="2:7" x14ac:dyDescent="0.2">
      <c r="B30" s="29"/>
      <c r="C30" s="2" t="s">
        <v>14</v>
      </c>
      <c r="D30" s="19">
        <v>28</v>
      </c>
      <c r="E30" s="20">
        <v>25</v>
      </c>
      <c r="F30" s="21">
        <v>2</v>
      </c>
      <c r="G30" s="22">
        <v>1</v>
      </c>
    </row>
    <row r="31" spans="2:7" x14ac:dyDescent="0.2">
      <c r="B31" s="29"/>
      <c r="C31" s="7"/>
      <c r="D31" s="23">
        <v>100</v>
      </c>
      <c r="E31" s="24">
        <v>89.3</v>
      </c>
      <c r="F31" s="25">
        <v>7.1</v>
      </c>
      <c r="G31" s="26">
        <v>3.6</v>
      </c>
    </row>
    <row r="32" spans="2:7" x14ac:dyDescent="0.2">
      <c r="B32" s="29"/>
      <c r="C32" s="2" t="s">
        <v>42</v>
      </c>
      <c r="D32" s="19">
        <v>390</v>
      </c>
      <c r="E32" s="20">
        <v>328</v>
      </c>
      <c r="F32" s="21">
        <v>41</v>
      </c>
      <c r="G32" s="22">
        <v>21</v>
      </c>
    </row>
    <row r="33" spans="2:7" x14ac:dyDescent="0.2">
      <c r="B33" s="29"/>
      <c r="C33" s="7"/>
      <c r="D33" s="23">
        <v>100</v>
      </c>
      <c r="E33" s="24">
        <v>84.1</v>
      </c>
      <c r="F33" s="25">
        <v>10.5</v>
      </c>
      <c r="G33" s="26">
        <v>5.4</v>
      </c>
    </row>
    <row r="34" spans="2:7" x14ac:dyDescent="0.2">
      <c r="B34" s="29"/>
      <c r="C34" s="2" t="s">
        <v>13</v>
      </c>
      <c r="D34" s="19">
        <v>70</v>
      </c>
      <c r="E34" s="20">
        <v>47</v>
      </c>
      <c r="F34" s="21">
        <v>8</v>
      </c>
      <c r="G34" s="22">
        <v>15</v>
      </c>
    </row>
    <row r="35" spans="2:7" x14ac:dyDescent="0.2">
      <c r="B35" s="30"/>
      <c r="C35" s="10"/>
      <c r="D35" s="15">
        <v>100</v>
      </c>
      <c r="E35" s="16">
        <v>67.099999999999994</v>
      </c>
      <c r="F35" s="17">
        <v>11.4</v>
      </c>
      <c r="G35" s="18">
        <v>21.4</v>
      </c>
    </row>
    <row r="36" spans="2:7" x14ac:dyDescent="0.2">
      <c r="B36" s="28" t="s">
        <v>53</v>
      </c>
      <c r="C36" s="9" t="s">
        <v>12</v>
      </c>
      <c r="D36" s="11">
        <v>1241</v>
      </c>
      <c r="E36" s="31">
        <v>1072</v>
      </c>
      <c r="F36" s="13">
        <v>89</v>
      </c>
      <c r="G36" s="14">
        <v>80</v>
      </c>
    </row>
    <row r="37" spans="2:7" x14ac:dyDescent="0.2">
      <c r="B37" s="29"/>
      <c r="C37" s="8"/>
      <c r="D37" s="15">
        <v>100</v>
      </c>
      <c r="E37" s="16">
        <v>86.4</v>
      </c>
      <c r="F37" s="17">
        <v>7.2</v>
      </c>
      <c r="G37" s="18">
        <v>6.4</v>
      </c>
    </row>
    <row r="38" spans="2:7" x14ac:dyDescent="0.2">
      <c r="B38" s="29"/>
      <c r="C38" s="2" t="s">
        <v>41</v>
      </c>
      <c r="D38" s="19">
        <v>799</v>
      </c>
      <c r="E38" s="20">
        <v>716</v>
      </c>
      <c r="F38" s="21">
        <v>49</v>
      </c>
      <c r="G38" s="22">
        <v>34</v>
      </c>
    </row>
    <row r="39" spans="2:7" x14ac:dyDescent="0.2">
      <c r="B39" s="29"/>
      <c r="C39" s="7"/>
      <c r="D39" s="23">
        <v>100</v>
      </c>
      <c r="E39" s="24">
        <v>89.6</v>
      </c>
      <c r="F39" s="25">
        <v>6.1</v>
      </c>
      <c r="G39" s="26">
        <v>4.3</v>
      </c>
    </row>
    <row r="40" spans="2:7" x14ac:dyDescent="0.2">
      <c r="B40" s="29"/>
      <c r="C40" s="2" t="s">
        <v>40</v>
      </c>
      <c r="D40" s="19">
        <v>182</v>
      </c>
      <c r="E40" s="20">
        <v>154</v>
      </c>
      <c r="F40" s="21">
        <v>17</v>
      </c>
      <c r="G40" s="22">
        <v>11</v>
      </c>
    </row>
    <row r="41" spans="2:7" x14ac:dyDescent="0.2">
      <c r="B41" s="29"/>
      <c r="C41" s="7"/>
      <c r="D41" s="23">
        <v>100</v>
      </c>
      <c r="E41" s="24">
        <v>84.6</v>
      </c>
      <c r="F41" s="25">
        <v>9.3000000000000007</v>
      </c>
      <c r="G41" s="26">
        <v>6</v>
      </c>
    </row>
    <row r="42" spans="2:7" x14ac:dyDescent="0.2">
      <c r="B42" s="29"/>
      <c r="C42" s="2" t="s">
        <v>39</v>
      </c>
      <c r="D42" s="19">
        <v>72</v>
      </c>
      <c r="E42" s="20">
        <v>58</v>
      </c>
      <c r="F42" s="21">
        <v>7</v>
      </c>
      <c r="G42" s="22">
        <v>7</v>
      </c>
    </row>
    <row r="43" spans="2:7" x14ac:dyDescent="0.2">
      <c r="B43" s="29"/>
      <c r="C43" s="7"/>
      <c r="D43" s="23">
        <v>100</v>
      </c>
      <c r="E43" s="24">
        <v>80.599999999999994</v>
      </c>
      <c r="F43" s="25">
        <v>9.6999999999999993</v>
      </c>
      <c r="G43" s="26">
        <v>9.6999999999999993</v>
      </c>
    </row>
    <row r="44" spans="2:7" x14ac:dyDescent="0.2">
      <c r="B44" s="29"/>
      <c r="C44" s="2" t="s">
        <v>38</v>
      </c>
      <c r="D44" s="19">
        <v>127</v>
      </c>
      <c r="E44" s="20">
        <v>103</v>
      </c>
      <c r="F44" s="21">
        <v>9</v>
      </c>
      <c r="G44" s="22">
        <v>15</v>
      </c>
    </row>
    <row r="45" spans="2:7" x14ac:dyDescent="0.2">
      <c r="B45" s="29"/>
      <c r="C45" s="7"/>
      <c r="D45" s="23">
        <v>100</v>
      </c>
      <c r="E45" s="24">
        <v>81.099999999999994</v>
      </c>
      <c r="F45" s="25">
        <v>7.1</v>
      </c>
      <c r="G45" s="26">
        <v>11.8</v>
      </c>
    </row>
    <row r="46" spans="2:7" x14ac:dyDescent="0.2">
      <c r="B46" s="29"/>
      <c r="C46" s="2" t="s">
        <v>13</v>
      </c>
      <c r="D46" s="19">
        <v>61</v>
      </c>
      <c r="E46" s="20">
        <v>41</v>
      </c>
      <c r="F46" s="21">
        <v>7</v>
      </c>
      <c r="G46" s="22">
        <v>13</v>
      </c>
    </row>
    <row r="47" spans="2:7" x14ac:dyDescent="0.2">
      <c r="B47" s="30"/>
      <c r="C47" s="10"/>
      <c r="D47" s="15">
        <v>100</v>
      </c>
      <c r="E47" s="16">
        <v>67.2</v>
      </c>
      <c r="F47" s="17">
        <v>11.5</v>
      </c>
      <c r="G47" s="18">
        <v>21.3</v>
      </c>
    </row>
  </sheetData>
  <mergeCells count="3">
    <mergeCell ref="B4:B11"/>
    <mergeCell ref="B12:B35"/>
    <mergeCell ref="B36:B47"/>
  </mergeCells>
  <phoneticPr fontId="2"/>
  <pageMargins left="0.7" right="0.7" top="0.75" bottom="0.75" header="0.3" footer="0.3"/>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66</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865</v>
      </c>
      <c r="F4" s="13">
        <v>297</v>
      </c>
      <c r="G4" s="14">
        <v>79</v>
      </c>
    </row>
    <row r="5" spans="2:7" x14ac:dyDescent="0.2">
      <c r="B5" s="29"/>
      <c r="C5" s="8"/>
      <c r="D5" s="15">
        <v>100</v>
      </c>
      <c r="E5" s="16">
        <v>69.7</v>
      </c>
      <c r="F5" s="17">
        <v>23.9</v>
      </c>
      <c r="G5" s="18">
        <v>6.4</v>
      </c>
    </row>
    <row r="6" spans="2:7" x14ac:dyDescent="0.2">
      <c r="B6" s="29"/>
      <c r="C6" s="2" t="s">
        <v>30</v>
      </c>
      <c r="D6" s="19">
        <v>499</v>
      </c>
      <c r="E6" s="20">
        <v>372</v>
      </c>
      <c r="F6" s="21">
        <v>114</v>
      </c>
      <c r="G6" s="22">
        <v>13</v>
      </c>
    </row>
    <row r="7" spans="2:7" x14ac:dyDescent="0.2">
      <c r="B7" s="29"/>
      <c r="C7" s="7"/>
      <c r="D7" s="23">
        <v>100</v>
      </c>
      <c r="E7" s="24">
        <v>74.5</v>
      </c>
      <c r="F7" s="25">
        <v>22.8</v>
      </c>
      <c r="G7" s="26">
        <v>2.6</v>
      </c>
    </row>
    <row r="8" spans="2:7" x14ac:dyDescent="0.2">
      <c r="B8" s="29"/>
      <c r="C8" s="2" t="s">
        <v>29</v>
      </c>
      <c r="D8" s="19">
        <v>150</v>
      </c>
      <c r="E8" s="20">
        <v>109</v>
      </c>
      <c r="F8" s="21">
        <v>32</v>
      </c>
      <c r="G8" s="22">
        <v>9</v>
      </c>
    </row>
    <row r="9" spans="2:7" x14ac:dyDescent="0.2">
      <c r="B9" s="29"/>
      <c r="C9" s="7"/>
      <c r="D9" s="23">
        <v>100</v>
      </c>
      <c r="E9" s="24">
        <v>72.7</v>
      </c>
      <c r="F9" s="25">
        <v>21.3</v>
      </c>
      <c r="G9" s="26">
        <v>6</v>
      </c>
    </row>
    <row r="10" spans="2:7" x14ac:dyDescent="0.2">
      <c r="B10" s="29"/>
      <c r="C10" s="2" t="s">
        <v>28</v>
      </c>
      <c r="D10" s="19">
        <v>82</v>
      </c>
      <c r="E10" s="20">
        <v>56</v>
      </c>
      <c r="F10" s="21">
        <v>20</v>
      </c>
      <c r="G10" s="22">
        <v>6</v>
      </c>
    </row>
    <row r="11" spans="2:7" x14ac:dyDescent="0.2">
      <c r="B11" s="29"/>
      <c r="C11" s="7"/>
      <c r="D11" s="23">
        <v>100</v>
      </c>
      <c r="E11" s="24">
        <v>68.3</v>
      </c>
      <c r="F11" s="25">
        <v>24.4</v>
      </c>
      <c r="G11" s="26">
        <v>7.3</v>
      </c>
    </row>
    <row r="12" spans="2:7" x14ac:dyDescent="0.2">
      <c r="B12" s="29"/>
      <c r="C12" s="2" t="s">
        <v>27</v>
      </c>
      <c r="D12" s="19">
        <v>92</v>
      </c>
      <c r="E12" s="20">
        <v>63</v>
      </c>
      <c r="F12" s="21">
        <v>22</v>
      </c>
      <c r="G12" s="22">
        <v>7</v>
      </c>
    </row>
    <row r="13" spans="2:7" x14ac:dyDescent="0.2">
      <c r="B13" s="29"/>
      <c r="C13" s="7"/>
      <c r="D13" s="23">
        <v>100</v>
      </c>
      <c r="E13" s="24">
        <v>68.5</v>
      </c>
      <c r="F13" s="25">
        <v>23.9</v>
      </c>
      <c r="G13" s="26">
        <v>7.6</v>
      </c>
    </row>
    <row r="14" spans="2:7" x14ac:dyDescent="0.2">
      <c r="B14" s="29"/>
      <c r="C14" s="2" t="s">
        <v>26</v>
      </c>
      <c r="D14" s="19">
        <v>112</v>
      </c>
      <c r="E14" s="20">
        <v>72</v>
      </c>
      <c r="F14" s="21">
        <v>28</v>
      </c>
      <c r="G14" s="22">
        <v>12</v>
      </c>
    </row>
    <row r="15" spans="2:7" x14ac:dyDescent="0.2">
      <c r="B15" s="29"/>
      <c r="C15" s="7"/>
      <c r="D15" s="23">
        <v>100</v>
      </c>
      <c r="E15" s="24">
        <v>64.3</v>
      </c>
      <c r="F15" s="25">
        <v>25</v>
      </c>
      <c r="G15" s="26">
        <v>10.7</v>
      </c>
    </row>
    <row r="16" spans="2:7" x14ac:dyDescent="0.2">
      <c r="B16" s="29"/>
      <c r="C16" s="2" t="s">
        <v>25</v>
      </c>
      <c r="D16" s="19">
        <v>188</v>
      </c>
      <c r="E16" s="20">
        <v>122</v>
      </c>
      <c r="F16" s="21">
        <v>50</v>
      </c>
      <c r="G16" s="22">
        <v>16</v>
      </c>
    </row>
    <row r="17" spans="2:7" x14ac:dyDescent="0.2">
      <c r="B17" s="29"/>
      <c r="C17" s="7"/>
      <c r="D17" s="23">
        <v>100</v>
      </c>
      <c r="E17" s="24">
        <v>64.900000000000006</v>
      </c>
      <c r="F17" s="25">
        <v>26.6</v>
      </c>
      <c r="G17" s="26">
        <v>8.5</v>
      </c>
    </row>
    <row r="18" spans="2:7" x14ac:dyDescent="0.2">
      <c r="B18" s="29"/>
      <c r="C18" s="2" t="s">
        <v>24</v>
      </c>
      <c r="D18" s="19">
        <v>60</v>
      </c>
      <c r="E18" s="20">
        <v>38</v>
      </c>
      <c r="F18" s="21">
        <v>19</v>
      </c>
      <c r="G18" s="22">
        <v>3</v>
      </c>
    </row>
    <row r="19" spans="2:7" x14ac:dyDescent="0.2">
      <c r="B19" s="29"/>
      <c r="C19" s="7"/>
      <c r="D19" s="23">
        <v>100</v>
      </c>
      <c r="E19" s="24">
        <v>63.3</v>
      </c>
      <c r="F19" s="25">
        <v>31.7</v>
      </c>
      <c r="G19" s="26">
        <v>5</v>
      </c>
    </row>
    <row r="20" spans="2:7" x14ac:dyDescent="0.2">
      <c r="B20" s="29"/>
      <c r="C20" s="2" t="s">
        <v>13</v>
      </c>
      <c r="D20" s="19">
        <v>58</v>
      </c>
      <c r="E20" s="20">
        <v>33</v>
      </c>
      <c r="F20" s="21">
        <v>12</v>
      </c>
      <c r="G20" s="22">
        <v>13</v>
      </c>
    </row>
    <row r="21" spans="2:7" x14ac:dyDescent="0.2">
      <c r="B21" s="30"/>
      <c r="C21" s="10"/>
      <c r="D21" s="15">
        <v>100</v>
      </c>
      <c r="E21" s="16">
        <v>56.9</v>
      </c>
      <c r="F21" s="17">
        <v>20.7</v>
      </c>
      <c r="G21" s="18">
        <v>22.4</v>
      </c>
    </row>
    <row r="22" spans="2:7" x14ac:dyDescent="0.2">
      <c r="B22" s="28" t="s">
        <v>35</v>
      </c>
      <c r="C22" s="9" t="s">
        <v>12</v>
      </c>
      <c r="D22" s="11">
        <v>1241</v>
      </c>
      <c r="E22" s="12">
        <v>865</v>
      </c>
      <c r="F22" s="13">
        <v>297</v>
      </c>
      <c r="G22" s="14">
        <v>79</v>
      </c>
    </row>
    <row r="23" spans="2:7" x14ac:dyDescent="0.2">
      <c r="B23" s="29"/>
      <c r="C23" s="8"/>
      <c r="D23" s="15">
        <v>100</v>
      </c>
      <c r="E23" s="16">
        <v>69.7</v>
      </c>
      <c r="F23" s="17">
        <v>23.9</v>
      </c>
      <c r="G23" s="18">
        <v>6.4</v>
      </c>
    </row>
    <row r="24" spans="2:7" x14ac:dyDescent="0.2">
      <c r="B24" s="29"/>
      <c r="C24" s="2" t="s">
        <v>23</v>
      </c>
      <c r="D24" s="19">
        <v>563</v>
      </c>
      <c r="E24" s="20">
        <v>387</v>
      </c>
      <c r="F24" s="21">
        <v>151</v>
      </c>
      <c r="G24" s="22">
        <v>25</v>
      </c>
    </row>
    <row r="25" spans="2:7" x14ac:dyDescent="0.2">
      <c r="B25" s="29"/>
      <c r="C25" s="7"/>
      <c r="D25" s="23">
        <v>100</v>
      </c>
      <c r="E25" s="24">
        <v>68.7</v>
      </c>
      <c r="F25" s="25">
        <v>26.8</v>
      </c>
      <c r="G25" s="26">
        <v>4.4000000000000004</v>
      </c>
    </row>
    <row r="26" spans="2:7" x14ac:dyDescent="0.2">
      <c r="B26" s="29"/>
      <c r="C26" s="2" t="s">
        <v>22</v>
      </c>
      <c r="D26" s="19">
        <v>607</v>
      </c>
      <c r="E26" s="20">
        <v>436</v>
      </c>
      <c r="F26" s="21">
        <v>130</v>
      </c>
      <c r="G26" s="22">
        <v>41</v>
      </c>
    </row>
    <row r="27" spans="2:7" x14ac:dyDescent="0.2">
      <c r="B27" s="29"/>
      <c r="C27" s="7"/>
      <c r="D27" s="23">
        <v>100</v>
      </c>
      <c r="E27" s="24">
        <v>71.8</v>
      </c>
      <c r="F27" s="25">
        <v>21.4</v>
      </c>
      <c r="G27" s="26">
        <v>6.8</v>
      </c>
    </row>
    <row r="28" spans="2:7" x14ac:dyDescent="0.2">
      <c r="B28" s="29"/>
      <c r="C28" s="2" t="s">
        <v>13</v>
      </c>
      <c r="D28" s="19">
        <v>71</v>
      </c>
      <c r="E28" s="20">
        <v>42</v>
      </c>
      <c r="F28" s="21">
        <v>16</v>
      </c>
      <c r="G28" s="22">
        <v>13</v>
      </c>
    </row>
    <row r="29" spans="2:7" x14ac:dyDescent="0.2">
      <c r="B29" s="30"/>
      <c r="C29" s="10"/>
      <c r="D29" s="15">
        <v>100</v>
      </c>
      <c r="E29" s="16">
        <v>59.2</v>
      </c>
      <c r="F29" s="17">
        <v>22.5</v>
      </c>
      <c r="G29" s="18">
        <v>18.3</v>
      </c>
    </row>
    <row r="30" spans="2:7" x14ac:dyDescent="0.2">
      <c r="B30" s="28" t="s">
        <v>34</v>
      </c>
      <c r="C30" s="9" t="s">
        <v>12</v>
      </c>
      <c r="D30" s="11">
        <v>1241</v>
      </c>
      <c r="E30" s="12">
        <v>865</v>
      </c>
      <c r="F30" s="13">
        <v>297</v>
      </c>
      <c r="G30" s="14">
        <v>79</v>
      </c>
    </row>
    <row r="31" spans="2:7" x14ac:dyDescent="0.2">
      <c r="B31" s="29"/>
      <c r="C31" s="8"/>
      <c r="D31" s="15">
        <v>100</v>
      </c>
      <c r="E31" s="16">
        <v>69.7</v>
      </c>
      <c r="F31" s="17">
        <v>23.9</v>
      </c>
      <c r="G31" s="18">
        <v>6.4</v>
      </c>
    </row>
    <row r="32" spans="2:7" x14ac:dyDescent="0.2">
      <c r="B32" s="29"/>
      <c r="C32" s="2" t="s">
        <v>102</v>
      </c>
      <c r="D32" s="19">
        <v>3</v>
      </c>
      <c r="E32" s="20" t="s">
        <v>152</v>
      </c>
      <c r="F32" s="21">
        <v>3</v>
      </c>
      <c r="G32" s="22" t="s">
        <v>152</v>
      </c>
    </row>
    <row r="33" spans="2:7" x14ac:dyDescent="0.2">
      <c r="B33" s="29"/>
      <c r="C33" s="7"/>
      <c r="D33" s="23">
        <v>100</v>
      </c>
      <c r="E33" s="24" t="s">
        <v>152</v>
      </c>
      <c r="F33" s="25">
        <v>100</v>
      </c>
      <c r="G33" s="26" t="s">
        <v>152</v>
      </c>
    </row>
    <row r="34" spans="2:7" x14ac:dyDescent="0.2">
      <c r="B34" s="29"/>
      <c r="C34" s="2" t="s">
        <v>103</v>
      </c>
      <c r="D34" s="19">
        <v>51</v>
      </c>
      <c r="E34" s="20">
        <v>33</v>
      </c>
      <c r="F34" s="21">
        <v>18</v>
      </c>
      <c r="G34" s="22" t="s">
        <v>152</v>
      </c>
    </row>
    <row r="35" spans="2:7" x14ac:dyDescent="0.2">
      <c r="B35" s="29"/>
      <c r="C35" s="7"/>
      <c r="D35" s="23">
        <v>100</v>
      </c>
      <c r="E35" s="24">
        <v>64.7</v>
      </c>
      <c r="F35" s="25">
        <v>35.299999999999997</v>
      </c>
      <c r="G35" s="26" t="s">
        <v>152</v>
      </c>
    </row>
    <row r="36" spans="2:7" x14ac:dyDescent="0.2">
      <c r="B36" s="29"/>
      <c r="C36" s="2" t="s">
        <v>147</v>
      </c>
      <c r="D36" s="19">
        <v>54</v>
      </c>
      <c r="E36" s="20">
        <v>33</v>
      </c>
      <c r="F36" s="21">
        <v>21</v>
      </c>
      <c r="G36" s="22" t="s">
        <v>152</v>
      </c>
    </row>
    <row r="37" spans="2:7" x14ac:dyDescent="0.2">
      <c r="B37" s="29"/>
      <c r="C37" s="7"/>
      <c r="D37" s="23">
        <v>100</v>
      </c>
      <c r="E37" s="24">
        <v>61.111111111111114</v>
      </c>
      <c r="F37" s="25">
        <v>38.888888888888893</v>
      </c>
      <c r="G37" s="26" t="s">
        <v>152</v>
      </c>
    </row>
    <row r="38" spans="2:7" x14ac:dyDescent="0.2">
      <c r="B38" s="29"/>
      <c r="C38" s="2" t="s">
        <v>104</v>
      </c>
      <c r="D38" s="19">
        <v>116</v>
      </c>
      <c r="E38" s="20">
        <v>80</v>
      </c>
      <c r="F38" s="21">
        <v>34</v>
      </c>
      <c r="G38" s="22">
        <v>2</v>
      </c>
    </row>
    <row r="39" spans="2:7" x14ac:dyDescent="0.2">
      <c r="B39" s="29"/>
      <c r="C39" s="7"/>
      <c r="D39" s="23">
        <v>100</v>
      </c>
      <c r="E39" s="24">
        <v>69</v>
      </c>
      <c r="F39" s="25">
        <v>29.3</v>
      </c>
      <c r="G39" s="26">
        <v>1.7</v>
      </c>
    </row>
    <row r="40" spans="2:7" x14ac:dyDescent="0.2">
      <c r="B40" s="29"/>
      <c r="C40" s="2" t="s">
        <v>105</v>
      </c>
      <c r="D40" s="19">
        <v>200</v>
      </c>
      <c r="E40" s="20">
        <v>140</v>
      </c>
      <c r="F40" s="21">
        <v>51</v>
      </c>
      <c r="G40" s="22">
        <v>9</v>
      </c>
    </row>
    <row r="41" spans="2:7" x14ac:dyDescent="0.2">
      <c r="B41" s="29"/>
      <c r="C41" s="7"/>
      <c r="D41" s="23">
        <v>100</v>
      </c>
      <c r="E41" s="24">
        <v>70</v>
      </c>
      <c r="F41" s="25">
        <v>25.5</v>
      </c>
      <c r="G41" s="26">
        <v>4.5</v>
      </c>
    </row>
    <row r="42" spans="2:7" x14ac:dyDescent="0.2">
      <c r="B42" s="29"/>
      <c r="C42" s="2" t="s">
        <v>106</v>
      </c>
      <c r="D42" s="19">
        <v>289</v>
      </c>
      <c r="E42" s="20">
        <v>208</v>
      </c>
      <c r="F42" s="21">
        <v>72</v>
      </c>
      <c r="G42" s="22">
        <v>9</v>
      </c>
    </row>
    <row r="43" spans="2:7" x14ac:dyDescent="0.2">
      <c r="B43" s="29"/>
      <c r="C43" s="7"/>
      <c r="D43" s="23">
        <v>100</v>
      </c>
      <c r="E43" s="24">
        <v>72</v>
      </c>
      <c r="F43" s="25">
        <v>24.9</v>
      </c>
      <c r="G43" s="26">
        <v>3.1</v>
      </c>
    </row>
    <row r="44" spans="2:7" x14ac:dyDescent="0.2">
      <c r="B44" s="29"/>
      <c r="C44" s="2" t="s">
        <v>107</v>
      </c>
      <c r="D44" s="19">
        <v>247</v>
      </c>
      <c r="E44" s="20">
        <v>173</v>
      </c>
      <c r="F44" s="21">
        <v>56</v>
      </c>
      <c r="G44" s="22">
        <v>18</v>
      </c>
    </row>
    <row r="45" spans="2:7" x14ac:dyDescent="0.2">
      <c r="B45" s="29"/>
      <c r="C45" s="7"/>
      <c r="D45" s="23">
        <v>100</v>
      </c>
      <c r="E45" s="24">
        <v>70</v>
      </c>
      <c r="F45" s="25">
        <v>22.7</v>
      </c>
      <c r="G45" s="26">
        <v>7.3</v>
      </c>
    </row>
    <row r="46" spans="2:7" x14ac:dyDescent="0.2">
      <c r="B46" s="29"/>
      <c r="C46" s="2" t="s">
        <v>108</v>
      </c>
      <c r="D46" s="19">
        <v>125</v>
      </c>
      <c r="E46" s="20">
        <v>84</v>
      </c>
      <c r="F46" s="21">
        <v>27</v>
      </c>
      <c r="G46" s="22">
        <v>14</v>
      </c>
    </row>
    <row r="47" spans="2:7" x14ac:dyDescent="0.2">
      <c r="B47" s="29"/>
      <c r="C47" s="7"/>
      <c r="D47" s="23">
        <v>100</v>
      </c>
      <c r="E47" s="24">
        <v>67.2</v>
      </c>
      <c r="F47" s="25">
        <v>21.6</v>
      </c>
      <c r="G47" s="26">
        <v>11.2</v>
      </c>
    </row>
    <row r="48" spans="2:7" x14ac:dyDescent="0.2">
      <c r="B48" s="29"/>
      <c r="C48" s="2" t="s">
        <v>109</v>
      </c>
      <c r="D48" s="19">
        <v>150</v>
      </c>
      <c r="E48" s="20">
        <v>114</v>
      </c>
      <c r="F48" s="21">
        <v>24</v>
      </c>
      <c r="G48" s="22">
        <v>12</v>
      </c>
    </row>
    <row r="49" spans="2:7" x14ac:dyDescent="0.2">
      <c r="B49" s="29"/>
      <c r="C49" s="7"/>
      <c r="D49" s="23">
        <v>100</v>
      </c>
      <c r="E49" s="24">
        <v>76</v>
      </c>
      <c r="F49" s="25">
        <v>16</v>
      </c>
      <c r="G49" s="26">
        <v>8</v>
      </c>
    </row>
    <row r="50" spans="2:7" x14ac:dyDescent="0.2">
      <c r="B50" s="29"/>
      <c r="C50" s="2" t="s">
        <v>110</v>
      </c>
      <c r="D50" s="19">
        <v>60</v>
      </c>
      <c r="E50" s="20">
        <v>33</v>
      </c>
      <c r="F50" s="21">
        <v>12</v>
      </c>
      <c r="G50" s="22">
        <v>15</v>
      </c>
    </row>
    <row r="51" spans="2:7" x14ac:dyDescent="0.2">
      <c r="B51" s="29"/>
      <c r="C51" s="10"/>
      <c r="D51" s="23">
        <v>100</v>
      </c>
      <c r="E51" s="24">
        <v>55</v>
      </c>
      <c r="F51" s="25">
        <v>20</v>
      </c>
      <c r="G51" s="26">
        <v>25</v>
      </c>
    </row>
    <row r="52" spans="2:7" x14ac:dyDescent="0.2">
      <c r="B52" s="28" t="s">
        <v>33</v>
      </c>
      <c r="C52" s="9" t="s">
        <v>12</v>
      </c>
      <c r="D52" s="11">
        <v>1241</v>
      </c>
      <c r="E52" s="12">
        <v>865</v>
      </c>
      <c r="F52" s="13">
        <v>297</v>
      </c>
      <c r="G52" s="14">
        <v>79</v>
      </c>
    </row>
    <row r="53" spans="2:7" x14ac:dyDescent="0.2">
      <c r="B53" s="29"/>
      <c r="C53" s="8"/>
      <c r="D53" s="15">
        <v>100</v>
      </c>
      <c r="E53" s="16">
        <v>69.7</v>
      </c>
      <c r="F53" s="17">
        <v>23.9</v>
      </c>
      <c r="G53" s="18">
        <v>6.4</v>
      </c>
    </row>
    <row r="54" spans="2:7" x14ac:dyDescent="0.2">
      <c r="B54" s="29"/>
      <c r="C54" s="2" t="s">
        <v>57</v>
      </c>
      <c r="D54" s="19">
        <v>2</v>
      </c>
      <c r="E54" s="20" t="s">
        <v>152</v>
      </c>
      <c r="F54" s="21">
        <v>2</v>
      </c>
      <c r="G54" s="22" t="s">
        <v>152</v>
      </c>
    </row>
    <row r="55" spans="2:7" x14ac:dyDescent="0.2">
      <c r="B55" s="29"/>
      <c r="C55" s="7"/>
      <c r="D55" s="23">
        <v>100</v>
      </c>
      <c r="E55" s="24" t="s">
        <v>152</v>
      </c>
      <c r="F55" s="25">
        <v>100</v>
      </c>
      <c r="G55" s="26" t="s">
        <v>152</v>
      </c>
    </row>
    <row r="56" spans="2:7" x14ac:dyDescent="0.2">
      <c r="B56" s="29"/>
      <c r="C56" s="2" t="s">
        <v>63</v>
      </c>
      <c r="D56" s="19">
        <v>20</v>
      </c>
      <c r="E56" s="20">
        <v>11</v>
      </c>
      <c r="F56" s="21">
        <v>9</v>
      </c>
      <c r="G56" s="22" t="s">
        <v>152</v>
      </c>
    </row>
    <row r="57" spans="2:7" x14ac:dyDescent="0.2">
      <c r="B57" s="29"/>
      <c r="C57" s="7"/>
      <c r="D57" s="23">
        <v>100</v>
      </c>
      <c r="E57" s="24">
        <v>55</v>
      </c>
      <c r="F57" s="25">
        <v>45</v>
      </c>
      <c r="G57" s="26" t="s">
        <v>152</v>
      </c>
    </row>
    <row r="58" spans="2:7" x14ac:dyDescent="0.2">
      <c r="B58" s="29"/>
      <c r="C58" s="2" t="s">
        <v>148</v>
      </c>
      <c r="D58" s="19">
        <v>22</v>
      </c>
      <c r="E58" s="20">
        <v>11</v>
      </c>
      <c r="F58" s="21">
        <v>11</v>
      </c>
      <c r="G58" s="22" t="s">
        <v>152</v>
      </c>
    </row>
    <row r="59" spans="2:7" x14ac:dyDescent="0.2">
      <c r="B59" s="29"/>
      <c r="C59" s="7"/>
      <c r="D59" s="23">
        <v>100</v>
      </c>
      <c r="E59" s="24">
        <v>50</v>
      </c>
      <c r="F59" s="25">
        <v>50</v>
      </c>
      <c r="G59" s="26" t="s">
        <v>152</v>
      </c>
    </row>
    <row r="60" spans="2:7" x14ac:dyDescent="0.2">
      <c r="B60" s="29"/>
      <c r="C60" s="2" t="s">
        <v>64</v>
      </c>
      <c r="D60" s="19">
        <v>51</v>
      </c>
      <c r="E60" s="20">
        <v>33</v>
      </c>
      <c r="F60" s="21">
        <v>17</v>
      </c>
      <c r="G60" s="22">
        <v>1</v>
      </c>
    </row>
    <row r="61" spans="2:7" x14ac:dyDescent="0.2">
      <c r="B61" s="29"/>
      <c r="C61" s="7"/>
      <c r="D61" s="23">
        <v>100</v>
      </c>
      <c r="E61" s="24">
        <v>64.7</v>
      </c>
      <c r="F61" s="25">
        <v>33.299999999999997</v>
      </c>
      <c r="G61" s="26">
        <v>2</v>
      </c>
    </row>
    <row r="62" spans="2:7" x14ac:dyDescent="0.2">
      <c r="B62" s="29"/>
      <c r="C62" s="2" t="s">
        <v>65</v>
      </c>
      <c r="D62" s="19">
        <v>88</v>
      </c>
      <c r="E62" s="20">
        <v>62</v>
      </c>
      <c r="F62" s="21">
        <v>24</v>
      </c>
      <c r="G62" s="22">
        <v>2</v>
      </c>
    </row>
    <row r="63" spans="2:7" x14ac:dyDescent="0.2">
      <c r="B63" s="29"/>
      <c r="C63" s="7"/>
      <c r="D63" s="23">
        <v>100</v>
      </c>
      <c r="E63" s="24">
        <v>70.5</v>
      </c>
      <c r="F63" s="25">
        <v>27.3</v>
      </c>
      <c r="G63" s="26">
        <v>2.2999999999999998</v>
      </c>
    </row>
    <row r="64" spans="2:7" x14ac:dyDescent="0.2">
      <c r="B64" s="29"/>
      <c r="C64" s="2" t="s">
        <v>66</v>
      </c>
      <c r="D64" s="19">
        <v>146</v>
      </c>
      <c r="E64" s="20">
        <v>101</v>
      </c>
      <c r="F64" s="21">
        <v>41</v>
      </c>
      <c r="G64" s="22">
        <v>4</v>
      </c>
    </row>
    <row r="65" spans="2:7" x14ac:dyDescent="0.2">
      <c r="B65" s="29"/>
      <c r="C65" s="7"/>
      <c r="D65" s="23">
        <v>100</v>
      </c>
      <c r="E65" s="24">
        <v>69.2</v>
      </c>
      <c r="F65" s="25">
        <v>28.1</v>
      </c>
      <c r="G65" s="26">
        <v>2.7</v>
      </c>
    </row>
    <row r="66" spans="2:7" x14ac:dyDescent="0.2">
      <c r="B66" s="29"/>
      <c r="C66" s="2" t="s">
        <v>67</v>
      </c>
      <c r="D66" s="19">
        <v>133</v>
      </c>
      <c r="E66" s="20">
        <v>90</v>
      </c>
      <c r="F66" s="21">
        <v>35</v>
      </c>
      <c r="G66" s="22">
        <v>8</v>
      </c>
    </row>
    <row r="67" spans="2:7" x14ac:dyDescent="0.2">
      <c r="B67" s="29"/>
      <c r="C67" s="7"/>
      <c r="D67" s="23">
        <v>100</v>
      </c>
      <c r="E67" s="24">
        <v>67.7</v>
      </c>
      <c r="F67" s="25">
        <v>26.3</v>
      </c>
      <c r="G67" s="26">
        <v>6</v>
      </c>
    </row>
    <row r="68" spans="2:7" x14ac:dyDescent="0.2">
      <c r="B68" s="29"/>
      <c r="C68" s="2" t="s">
        <v>58</v>
      </c>
      <c r="D68" s="19">
        <v>57</v>
      </c>
      <c r="E68" s="20">
        <v>39</v>
      </c>
      <c r="F68" s="21">
        <v>14</v>
      </c>
      <c r="G68" s="22">
        <v>4</v>
      </c>
    </row>
    <row r="69" spans="2:7" x14ac:dyDescent="0.2">
      <c r="B69" s="29"/>
      <c r="C69" s="7"/>
      <c r="D69" s="23">
        <v>100</v>
      </c>
      <c r="E69" s="24">
        <v>68.400000000000006</v>
      </c>
      <c r="F69" s="25">
        <v>24.6</v>
      </c>
      <c r="G69" s="26">
        <v>7</v>
      </c>
    </row>
    <row r="70" spans="2:7" x14ac:dyDescent="0.2">
      <c r="B70" s="29"/>
      <c r="C70" s="2" t="s">
        <v>68</v>
      </c>
      <c r="D70" s="19">
        <v>65</v>
      </c>
      <c r="E70" s="20">
        <v>51</v>
      </c>
      <c r="F70" s="21">
        <v>9</v>
      </c>
      <c r="G70" s="22">
        <v>5</v>
      </c>
    </row>
    <row r="71" spans="2:7" x14ac:dyDescent="0.2">
      <c r="B71" s="29"/>
      <c r="C71" s="7"/>
      <c r="D71" s="23">
        <v>100</v>
      </c>
      <c r="E71" s="24">
        <v>78.5</v>
      </c>
      <c r="F71" s="25">
        <v>13.8</v>
      </c>
      <c r="G71" s="26">
        <v>7.7</v>
      </c>
    </row>
    <row r="72" spans="2:7" x14ac:dyDescent="0.2">
      <c r="B72" s="29"/>
      <c r="C72" s="2" t="s">
        <v>59</v>
      </c>
      <c r="D72" s="19">
        <v>1</v>
      </c>
      <c r="E72" s="20" t="s">
        <v>152</v>
      </c>
      <c r="F72" s="21">
        <v>1</v>
      </c>
      <c r="G72" s="22" t="s">
        <v>152</v>
      </c>
    </row>
    <row r="73" spans="2:7" x14ac:dyDescent="0.2">
      <c r="B73" s="29"/>
      <c r="C73" s="7"/>
      <c r="D73" s="23">
        <v>100</v>
      </c>
      <c r="E73" s="24" t="s">
        <v>152</v>
      </c>
      <c r="F73" s="25">
        <v>100</v>
      </c>
      <c r="G73" s="26" t="s">
        <v>152</v>
      </c>
    </row>
    <row r="74" spans="2:7" x14ac:dyDescent="0.2">
      <c r="B74" s="29"/>
      <c r="C74" s="2" t="s">
        <v>69</v>
      </c>
      <c r="D74" s="19">
        <v>29</v>
      </c>
      <c r="E74" s="20">
        <v>20</v>
      </c>
      <c r="F74" s="21">
        <v>9</v>
      </c>
      <c r="G74" s="22" t="s">
        <v>152</v>
      </c>
    </row>
    <row r="75" spans="2:7" x14ac:dyDescent="0.2">
      <c r="B75" s="29"/>
      <c r="C75" s="7"/>
      <c r="D75" s="23">
        <v>100</v>
      </c>
      <c r="E75" s="24">
        <v>69</v>
      </c>
      <c r="F75" s="25">
        <v>31</v>
      </c>
      <c r="G75" s="26" t="s">
        <v>152</v>
      </c>
    </row>
    <row r="76" spans="2:7" x14ac:dyDescent="0.2">
      <c r="B76" s="29"/>
      <c r="C76" s="2" t="s">
        <v>149</v>
      </c>
      <c r="D76" s="19">
        <v>30</v>
      </c>
      <c r="E76" s="20">
        <v>20</v>
      </c>
      <c r="F76" s="21">
        <v>10</v>
      </c>
      <c r="G76" s="22" t="s">
        <v>152</v>
      </c>
    </row>
    <row r="77" spans="2:7" x14ac:dyDescent="0.2">
      <c r="B77" s="29"/>
      <c r="C77" s="7"/>
      <c r="D77" s="23">
        <v>100</v>
      </c>
      <c r="E77" s="24">
        <v>66.666666666666657</v>
      </c>
      <c r="F77" s="25">
        <v>33.333333333333329</v>
      </c>
      <c r="G77" s="26" t="s">
        <v>152</v>
      </c>
    </row>
    <row r="78" spans="2:7" x14ac:dyDescent="0.2">
      <c r="B78" s="29"/>
      <c r="C78" s="2" t="s">
        <v>70</v>
      </c>
      <c r="D78" s="19">
        <v>64</v>
      </c>
      <c r="E78" s="20">
        <v>46</v>
      </c>
      <c r="F78" s="21">
        <v>17</v>
      </c>
      <c r="G78" s="22">
        <v>1</v>
      </c>
    </row>
    <row r="79" spans="2:7" x14ac:dyDescent="0.2">
      <c r="B79" s="29"/>
      <c r="C79" s="7"/>
      <c r="D79" s="23">
        <v>100</v>
      </c>
      <c r="E79" s="24">
        <v>71.900000000000006</v>
      </c>
      <c r="F79" s="25">
        <v>26.6</v>
      </c>
      <c r="G79" s="26">
        <v>1.6</v>
      </c>
    </row>
    <row r="80" spans="2:7" x14ac:dyDescent="0.2">
      <c r="B80" s="29"/>
      <c r="C80" s="2" t="s">
        <v>71</v>
      </c>
      <c r="D80" s="19">
        <v>112</v>
      </c>
      <c r="E80" s="20">
        <v>78</v>
      </c>
      <c r="F80" s="21">
        <v>27</v>
      </c>
      <c r="G80" s="22">
        <v>7</v>
      </c>
    </row>
    <row r="81" spans="2:7" x14ac:dyDescent="0.2">
      <c r="B81" s="29"/>
      <c r="C81" s="7"/>
      <c r="D81" s="23">
        <v>100</v>
      </c>
      <c r="E81" s="24">
        <v>69.599999999999994</v>
      </c>
      <c r="F81" s="25">
        <v>24.1</v>
      </c>
      <c r="G81" s="26">
        <v>6.3</v>
      </c>
    </row>
    <row r="82" spans="2:7" x14ac:dyDescent="0.2">
      <c r="B82" s="29"/>
      <c r="C82" s="2" t="s">
        <v>72</v>
      </c>
      <c r="D82" s="19">
        <v>137</v>
      </c>
      <c r="E82" s="20">
        <v>104</v>
      </c>
      <c r="F82" s="21">
        <v>28</v>
      </c>
      <c r="G82" s="22">
        <v>5</v>
      </c>
    </row>
    <row r="83" spans="2:7" x14ac:dyDescent="0.2">
      <c r="B83" s="29"/>
      <c r="C83" s="7"/>
      <c r="D83" s="23">
        <v>100</v>
      </c>
      <c r="E83" s="24">
        <v>75.900000000000006</v>
      </c>
      <c r="F83" s="25">
        <v>20.399999999999999</v>
      </c>
      <c r="G83" s="26">
        <v>3.6</v>
      </c>
    </row>
    <row r="84" spans="2:7" x14ac:dyDescent="0.2">
      <c r="B84" s="29"/>
      <c r="C84" s="2" t="s">
        <v>73</v>
      </c>
      <c r="D84" s="19">
        <v>112</v>
      </c>
      <c r="E84" s="20">
        <v>82</v>
      </c>
      <c r="F84" s="21">
        <v>20</v>
      </c>
      <c r="G84" s="22">
        <v>10</v>
      </c>
    </row>
    <row r="85" spans="2:7" x14ac:dyDescent="0.2">
      <c r="B85" s="29"/>
      <c r="C85" s="7"/>
      <c r="D85" s="23">
        <v>100</v>
      </c>
      <c r="E85" s="24">
        <v>73.2</v>
      </c>
      <c r="F85" s="25">
        <v>17.899999999999999</v>
      </c>
      <c r="G85" s="26">
        <v>8.9</v>
      </c>
    </row>
    <row r="86" spans="2:7" x14ac:dyDescent="0.2">
      <c r="B86" s="29"/>
      <c r="C86" s="2" t="s">
        <v>60</v>
      </c>
      <c r="D86" s="19">
        <v>66</v>
      </c>
      <c r="E86" s="20">
        <v>43</v>
      </c>
      <c r="F86" s="21">
        <v>13</v>
      </c>
      <c r="G86" s="22">
        <v>10</v>
      </c>
    </row>
    <row r="87" spans="2:7" x14ac:dyDescent="0.2">
      <c r="B87" s="29"/>
      <c r="C87" s="7"/>
      <c r="D87" s="23">
        <v>100</v>
      </c>
      <c r="E87" s="24">
        <v>65.2</v>
      </c>
      <c r="F87" s="25">
        <v>19.7</v>
      </c>
      <c r="G87" s="26">
        <v>15.2</v>
      </c>
    </row>
    <row r="88" spans="2:7" x14ac:dyDescent="0.2">
      <c r="B88" s="29"/>
      <c r="C88" s="2" t="s">
        <v>74</v>
      </c>
      <c r="D88" s="19">
        <v>83</v>
      </c>
      <c r="E88" s="20">
        <v>61</v>
      </c>
      <c r="F88" s="21">
        <v>15</v>
      </c>
      <c r="G88" s="22">
        <v>7</v>
      </c>
    </row>
    <row r="89" spans="2:7" x14ac:dyDescent="0.2">
      <c r="B89" s="29"/>
      <c r="C89" s="7"/>
      <c r="D89" s="23">
        <v>100</v>
      </c>
      <c r="E89" s="24">
        <v>73.5</v>
      </c>
      <c r="F89" s="25">
        <v>18.100000000000001</v>
      </c>
      <c r="G89" s="26">
        <v>8.4</v>
      </c>
    </row>
    <row r="90" spans="2:7" x14ac:dyDescent="0.2">
      <c r="B90" s="29"/>
      <c r="C90" s="2" t="s">
        <v>0</v>
      </c>
      <c r="D90" s="19">
        <v>75</v>
      </c>
      <c r="E90" s="20">
        <v>44</v>
      </c>
      <c r="F90" s="21">
        <v>16</v>
      </c>
      <c r="G90" s="22">
        <v>15</v>
      </c>
    </row>
    <row r="91" spans="2:7" x14ac:dyDescent="0.2">
      <c r="B91" s="29"/>
      <c r="C91" s="7"/>
      <c r="D91" s="23">
        <v>100</v>
      </c>
      <c r="E91" s="24">
        <v>58.7</v>
      </c>
      <c r="F91" s="25">
        <v>21.3</v>
      </c>
      <c r="G91" s="26">
        <v>20</v>
      </c>
    </row>
    <row r="92" spans="2:7" x14ac:dyDescent="0.2">
      <c r="B92" s="28" t="s">
        <v>32</v>
      </c>
      <c r="C92" s="9" t="s">
        <v>12</v>
      </c>
      <c r="D92" s="11">
        <v>1241</v>
      </c>
      <c r="E92" s="12">
        <v>865</v>
      </c>
      <c r="F92" s="13">
        <v>297</v>
      </c>
      <c r="G92" s="14">
        <v>79</v>
      </c>
    </row>
    <row r="93" spans="2:7" x14ac:dyDescent="0.2">
      <c r="B93" s="29"/>
      <c r="C93" s="8"/>
      <c r="D93" s="15">
        <v>100</v>
      </c>
      <c r="E93" s="16">
        <v>69.7</v>
      </c>
      <c r="F93" s="17">
        <v>23.9</v>
      </c>
      <c r="G93" s="18">
        <v>6.4</v>
      </c>
    </row>
    <row r="94" spans="2:7" x14ac:dyDescent="0.2">
      <c r="B94" s="29"/>
      <c r="C94" s="2" t="s">
        <v>21</v>
      </c>
      <c r="D94" s="19">
        <v>65</v>
      </c>
      <c r="E94" s="20">
        <v>48</v>
      </c>
      <c r="F94" s="21">
        <v>13</v>
      </c>
      <c r="G94" s="22">
        <v>4</v>
      </c>
    </row>
    <row r="95" spans="2:7" x14ac:dyDescent="0.2">
      <c r="B95" s="29"/>
      <c r="C95" s="7"/>
      <c r="D95" s="23">
        <v>100</v>
      </c>
      <c r="E95" s="24">
        <v>73.8</v>
      </c>
      <c r="F95" s="25">
        <v>20</v>
      </c>
      <c r="G95" s="26">
        <v>6.2</v>
      </c>
    </row>
    <row r="96" spans="2:7" x14ac:dyDescent="0.2">
      <c r="B96" s="29"/>
      <c r="C96" s="2" t="s">
        <v>20</v>
      </c>
      <c r="D96" s="19">
        <v>7</v>
      </c>
      <c r="E96" s="20">
        <v>3</v>
      </c>
      <c r="F96" s="21">
        <v>4</v>
      </c>
      <c r="G96" s="22" t="s">
        <v>152</v>
      </c>
    </row>
    <row r="97" spans="2:7" x14ac:dyDescent="0.2">
      <c r="B97" s="29"/>
      <c r="C97" s="7"/>
      <c r="D97" s="23">
        <v>100</v>
      </c>
      <c r="E97" s="24">
        <v>42.9</v>
      </c>
      <c r="F97" s="25">
        <v>57.1</v>
      </c>
      <c r="G97" s="26" t="s">
        <v>152</v>
      </c>
    </row>
    <row r="98" spans="2:7" x14ac:dyDescent="0.2">
      <c r="B98" s="29"/>
      <c r="C98" s="2" t="s">
        <v>19</v>
      </c>
      <c r="D98" s="19">
        <v>484</v>
      </c>
      <c r="E98" s="20">
        <v>334</v>
      </c>
      <c r="F98" s="21">
        <v>135</v>
      </c>
      <c r="G98" s="22">
        <v>15</v>
      </c>
    </row>
    <row r="99" spans="2:7" x14ac:dyDescent="0.2">
      <c r="B99" s="29"/>
      <c r="C99" s="7"/>
      <c r="D99" s="23">
        <v>100</v>
      </c>
      <c r="E99" s="24">
        <v>69</v>
      </c>
      <c r="F99" s="25">
        <v>27.9</v>
      </c>
      <c r="G99" s="26">
        <v>3.1</v>
      </c>
    </row>
    <row r="100" spans="2:7" x14ac:dyDescent="0.2">
      <c r="B100" s="29"/>
      <c r="C100" s="2" t="s">
        <v>18</v>
      </c>
      <c r="D100" s="19">
        <v>195</v>
      </c>
      <c r="E100" s="20">
        <v>131</v>
      </c>
      <c r="F100" s="21">
        <v>51</v>
      </c>
      <c r="G100" s="22">
        <v>13</v>
      </c>
    </row>
    <row r="101" spans="2:7" x14ac:dyDescent="0.2">
      <c r="B101" s="29"/>
      <c r="C101" s="7"/>
      <c r="D101" s="23">
        <v>100</v>
      </c>
      <c r="E101" s="24">
        <v>67.2</v>
      </c>
      <c r="F101" s="25">
        <v>26.2</v>
      </c>
      <c r="G101" s="26">
        <v>6.7</v>
      </c>
    </row>
    <row r="102" spans="2:7" x14ac:dyDescent="0.2">
      <c r="B102" s="29"/>
      <c r="C102" s="2" t="s">
        <v>17</v>
      </c>
      <c r="D102" s="19">
        <v>1</v>
      </c>
      <c r="E102" s="20">
        <v>1</v>
      </c>
      <c r="F102" s="21" t="s">
        <v>152</v>
      </c>
      <c r="G102" s="22" t="s">
        <v>152</v>
      </c>
    </row>
    <row r="103" spans="2:7" x14ac:dyDescent="0.2">
      <c r="B103" s="29"/>
      <c r="C103" s="7"/>
      <c r="D103" s="23">
        <v>100</v>
      </c>
      <c r="E103" s="24">
        <v>100</v>
      </c>
      <c r="F103" s="25" t="s">
        <v>152</v>
      </c>
      <c r="G103" s="26" t="s">
        <v>152</v>
      </c>
    </row>
    <row r="104" spans="2:7" x14ac:dyDescent="0.2">
      <c r="B104" s="29"/>
      <c r="C104" s="2" t="s">
        <v>151</v>
      </c>
      <c r="D104" s="19">
        <v>178</v>
      </c>
      <c r="E104" s="20">
        <v>137</v>
      </c>
      <c r="F104" s="21">
        <v>28</v>
      </c>
      <c r="G104" s="22">
        <v>13</v>
      </c>
    </row>
    <row r="105" spans="2:7" x14ac:dyDescent="0.2">
      <c r="B105" s="29"/>
      <c r="C105" s="7"/>
      <c r="D105" s="23">
        <v>100</v>
      </c>
      <c r="E105" s="24">
        <v>77</v>
      </c>
      <c r="F105" s="25">
        <v>15.7</v>
      </c>
      <c r="G105" s="26">
        <v>7.3</v>
      </c>
    </row>
    <row r="106" spans="2:7" x14ac:dyDescent="0.2">
      <c r="B106" s="29"/>
      <c r="C106" s="2" t="s">
        <v>16</v>
      </c>
      <c r="D106" s="19">
        <v>10</v>
      </c>
      <c r="E106" s="20">
        <v>7</v>
      </c>
      <c r="F106" s="21">
        <v>3</v>
      </c>
      <c r="G106" s="22" t="s">
        <v>152</v>
      </c>
    </row>
    <row r="107" spans="2:7" x14ac:dyDescent="0.2">
      <c r="B107" s="29"/>
      <c r="C107" s="7"/>
      <c r="D107" s="23">
        <v>100</v>
      </c>
      <c r="E107" s="24">
        <v>70</v>
      </c>
      <c r="F107" s="25">
        <v>30</v>
      </c>
      <c r="G107" s="26" t="s">
        <v>152</v>
      </c>
    </row>
    <row r="108" spans="2:7" x14ac:dyDescent="0.2">
      <c r="B108" s="29"/>
      <c r="C108" s="2" t="s">
        <v>15</v>
      </c>
      <c r="D108" s="19">
        <v>211</v>
      </c>
      <c r="E108" s="20">
        <v>148</v>
      </c>
      <c r="F108" s="21">
        <v>49</v>
      </c>
      <c r="G108" s="22">
        <v>14</v>
      </c>
    </row>
    <row r="109" spans="2:7" x14ac:dyDescent="0.2">
      <c r="B109" s="29"/>
      <c r="C109" s="7"/>
      <c r="D109" s="23">
        <v>100</v>
      </c>
      <c r="E109" s="24">
        <v>70.099999999999994</v>
      </c>
      <c r="F109" s="25">
        <v>23.2</v>
      </c>
      <c r="G109" s="26">
        <v>6.6</v>
      </c>
    </row>
    <row r="110" spans="2:7" x14ac:dyDescent="0.2">
      <c r="B110" s="29"/>
      <c r="C110" s="2" t="s">
        <v>14</v>
      </c>
      <c r="D110" s="19">
        <v>12</v>
      </c>
      <c r="E110" s="20">
        <v>9</v>
      </c>
      <c r="F110" s="21">
        <v>2</v>
      </c>
      <c r="G110" s="22">
        <v>1</v>
      </c>
    </row>
    <row r="111" spans="2:7" x14ac:dyDescent="0.2">
      <c r="B111" s="29"/>
      <c r="C111" s="7"/>
      <c r="D111" s="23">
        <v>100</v>
      </c>
      <c r="E111" s="24">
        <v>75</v>
      </c>
      <c r="F111" s="25">
        <v>16.7</v>
      </c>
      <c r="G111" s="26">
        <v>8.3000000000000007</v>
      </c>
    </row>
    <row r="112" spans="2:7" x14ac:dyDescent="0.2">
      <c r="B112" s="29"/>
      <c r="C112" s="2" t="s">
        <v>13</v>
      </c>
      <c r="D112" s="19">
        <v>78</v>
      </c>
      <c r="E112" s="20">
        <v>47</v>
      </c>
      <c r="F112" s="21">
        <v>12</v>
      </c>
      <c r="G112" s="22">
        <v>19</v>
      </c>
    </row>
    <row r="113" spans="2:7" x14ac:dyDescent="0.2">
      <c r="B113" s="30"/>
      <c r="C113" s="10"/>
      <c r="D113" s="15">
        <v>100</v>
      </c>
      <c r="E113" s="16">
        <v>60.3</v>
      </c>
      <c r="F113" s="17">
        <v>15.4</v>
      </c>
      <c r="G113" s="18">
        <v>24.4</v>
      </c>
    </row>
    <row r="114" spans="2:7" x14ac:dyDescent="0.2">
      <c r="B114" s="28" t="s">
        <v>31</v>
      </c>
      <c r="C114" s="9" t="s">
        <v>12</v>
      </c>
      <c r="D114" s="11">
        <v>752</v>
      </c>
      <c r="E114" s="12">
        <v>517</v>
      </c>
      <c r="F114" s="13">
        <v>203</v>
      </c>
      <c r="G114" s="14">
        <v>32</v>
      </c>
    </row>
    <row r="115" spans="2:7" x14ac:dyDescent="0.2">
      <c r="B115" s="29"/>
      <c r="C115" s="8"/>
      <c r="D115" s="15">
        <v>100</v>
      </c>
      <c r="E115" s="16">
        <v>68.8</v>
      </c>
      <c r="F115" s="17">
        <v>27</v>
      </c>
      <c r="G115" s="18">
        <v>4.3</v>
      </c>
    </row>
    <row r="116" spans="2:7" x14ac:dyDescent="0.2">
      <c r="B116" s="29"/>
      <c r="C116" s="2" t="s">
        <v>11</v>
      </c>
      <c r="D116" s="19">
        <v>2</v>
      </c>
      <c r="E116" s="20">
        <v>1</v>
      </c>
      <c r="F116" s="21">
        <v>1</v>
      </c>
      <c r="G116" s="22" t="s">
        <v>152</v>
      </c>
    </row>
    <row r="117" spans="2:7" x14ac:dyDescent="0.2">
      <c r="B117" s="29"/>
      <c r="C117" s="7"/>
      <c r="D117" s="23">
        <v>100</v>
      </c>
      <c r="E117" s="24">
        <v>50</v>
      </c>
      <c r="F117" s="25">
        <v>50</v>
      </c>
      <c r="G117" s="26" t="s">
        <v>152</v>
      </c>
    </row>
    <row r="118" spans="2:7" x14ac:dyDescent="0.2">
      <c r="B118" s="29"/>
      <c r="C118" s="2" t="s">
        <v>10</v>
      </c>
      <c r="D118" s="19">
        <v>32</v>
      </c>
      <c r="E118" s="20">
        <v>24</v>
      </c>
      <c r="F118" s="21">
        <v>6</v>
      </c>
      <c r="G118" s="22">
        <v>2</v>
      </c>
    </row>
    <row r="119" spans="2:7" x14ac:dyDescent="0.2">
      <c r="B119" s="29"/>
      <c r="C119" s="7"/>
      <c r="D119" s="23">
        <v>100</v>
      </c>
      <c r="E119" s="24">
        <v>75</v>
      </c>
      <c r="F119" s="25">
        <v>18.8</v>
      </c>
      <c r="G119" s="26">
        <v>6.3</v>
      </c>
    </row>
    <row r="120" spans="2:7" x14ac:dyDescent="0.2">
      <c r="B120" s="29"/>
      <c r="C120" s="2" t="s">
        <v>9</v>
      </c>
      <c r="D120" s="19">
        <v>33</v>
      </c>
      <c r="E120" s="20">
        <v>22</v>
      </c>
      <c r="F120" s="21">
        <v>9</v>
      </c>
      <c r="G120" s="22">
        <v>2</v>
      </c>
    </row>
    <row r="121" spans="2:7" x14ac:dyDescent="0.2">
      <c r="B121" s="29"/>
      <c r="C121" s="7"/>
      <c r="D121" s="23">
        <v>100</v>
      </c>
      <c r="E121" s="24">
        <v>66.7</v>
      </c>
      <c r="F121" s="25">
        <v>27.3</v>
      </c>
      <c r="G121" s="26">
        <v>6.1</v>
      </c>
    </row>
    <row r="122" spans="2:7" x14ac:dyDescent="0.2">
      <c r="B122" s="29"/>
      <c r="C122" s="2" t="s">
        <v>8</v>
      </c>
      <c r="D122" s="19">
        <v>71</v>
      </c>
      <c r="E122" s="20">
        <v>50</v>
      </c>
      <c r="F122" s="21">
        <v>20</v>
      </c>
      <c r="G122" s="22">
        <v>1</v>
      </c>
    </row>
    <row r="123" spans="2:7" x14ac:dyDescent="0.2">
      <c r="B123" s="29"/>
      <c r="C123" s="7"/>
      <c r="D123" s="23">
        <v>100</v>
      </c>
      <c r="E123" s="24">
        <v>70.400000000000006</v>
      </c>
      <c r="F123" s="25">
        <v>28.2</v>
      </c>
      <c r="G123" s="26">
        <v>1.4</v>
      </c>
    </row>
    <row r="124" spans="2:7" x14ac:dyDescent="0.2">
      <c r="B124" s="29"/>
      <c r="C124" s="2" t="s">
        <v>7</v>
      </c>
      <c r="D124" s="19">
        <v>152</v>
      </c>
      <c r="E124" s="20">
        <v>103</v>
      </c>
      <c r="F124" s="21">
        <v>43</v>
      </c>
      <c r="G124" s="22">
        <v>6</v>
      </c>
    </row>
    <row r="125" spans="2:7" x14ac:dyDescent="0.2">
      <c r="B125" s="29"/>
      <c r="C125" s="7"/>
      <c r="D125" s="23">
        <v>100</v>
      </c>
      <c r="E125" s="24">
        <v>67.8</v>
      </c>
      <c r="F125" s="25">
        <v>28.3</v>
      </c>
      <c r="G125" s="26">
        <v>3.9</v>
      </c>
    </row>
    <row r="126" spans="2:7" x14ac:dyDescent="0.2">
      <c r="B126" s="29"/>
      <c r="C126" s="2" t="s">
        <v>6</v>
      </c>
      <c r="D126" s="19">
        <v>176</v>
      </c>
      <c r="E126" s="20">
        <v>131</v>
      </c>
      <c r="F126" s="21">
        <v>36</v>
      </c>
      <c r="G126" s="22">
        <v>9</v>
      </c>
    </row>
    <row r="127" spans="2:7" x14ac:dyDescent="0.2">
      <c r="B127" s="29"/>
      <c r="C127" s="7"/>
      <c r="D127" s="23">
        <v>100</v>
      </c>
      <c r="E127" s="24">
        <v>74.400000000000006</v>
      </c>
      <c r="F127" s="25">
        <v>20.5</v>
      </c>
      <c r="G127" s="26">
        <v>5.0999999999999996</v>
      </c>
    </row>
    <row r="128" spans="2:7" x14ac:dyDescent="0.2">
      <c r="B128" s="29"/>
      <c r="C128" s="2" t="s">
        <v>5</v>
      </c>
      <c r="D128" s="19">
        <v>37</v>
      </c>
      <c r="E128" s="20">
        <v>27</v>
      </c>
      <c r="F128" s="21">
        <v>9</v>
      </c>
      <c r="G128" s="22">
        <v>1</v>
      </c>
    </row>
    <row r="129" spans="2:7" x14ac:dyDescent="0.2">
      <c r="B129" s="29"/>
      <c r="C129" s="7"/>
      <c r="D129" s="23">
        <v>100</v>
      </c>
      <c r="E129" s="24">
        <v>73</v>
      </c>
      <c r="F129" s="25">
        <v>24.3</v>
      </c>
      <c r="G129" s="26">
        <v>2.7</v>
      </c>
    </row>
    <row r="130" spans="2:7" x14ac:dyDescent="0.2">
      <c r="B130" s="29"/>
      <c r="C130" s="2" t="s">
        <v>4</v>
      </c>
      <c r="D130" s="19">
        <v>67</v>
      </c>
      <c r="E130" s="20">
        <v>40</v>
      </c>
      <c r="F130" s="21">
        <v>27</v>
      </c>
      <c r="G130" s="22" t="s">
        <v>152</v>
      </c>
    </row>
    <row r="131" spans="2:7" x14ac:dyDescent="0.2">
      <c r="B131" s="29"/>
      <c r="C131" s="7"/>
      <c r="D131" s="23">
        <v>100</v>
      </c>
      <c r="E131" s="24">
        <v>59.7</v>
      </c>
      <c r="F131" s="25">
        <v>40.299999999999997</v>
      </c>
      <c r="G131" s="26" t="s">
        <v>152</v>
      </c>
    </row>
    <row r="132" spans="2:7" x14ac:dyDescent="0.2">
      <c r="B132" s="29"/>
      <c r="C132" s="2" t="s">
        <v>3</v>
      </c>
      <c r="D132" s="19">
        <v>159</v>
      </c>
      <c r="E132" s="20">
        <v>104</v>
      </c>
      <c r="F132" s="21">
        <v>46</v>
      </c>
      <c r="G132" s="22">
        <v>9</v>
      </c>
    </row>
    <row r="133" spans="2:7" x14ac:dyDescent="0.2">
      <c r="B133" s="29"/>
      <c r="C133" s="7"/>
      <c r="D133" s="23">
        <v>100</v>
      </c>
      <c r="E133" s="24">
        <v>65.400000000000006</v>
      </c>
      <c r="F133" s="25">
        <v>28.9</v>
      </c>
      <c r="G133" s="26">
        <v>5.7</v>
      </c>
    </row>
    <row r="134" spans="2:7" x14ac:dyDescent="0.2">
      <c r="B134" s="29"/>
      <c r="C134" s="2" t="s">
        <v>2</v>
      </c>
      <c r="D134" s="19">
        <v>23</v>
      </c>
      <c r="E134" s="20">
        <v>15</v>
      </c>
      <c r="F134" s="21">
        <v>6</v>
      </c>
      <c r="G134" s="22">
        <v>2</v>
      </c>
    </row>
    <row r="135" spans="2:7" x14ac:dyDescent="0.2">
      <c r="B135" s="30"/>
      <c r="C135" s="10"/>
      <c r="D135" s="15">
        <v>100</v>
      </c>
      <c r="E135" s="16">
        <v>65.2</v>
      </c>
      <c r="F135" s="17">
        <v>26.1</v>
      </c>
      <c r="G135" s="18">
        <v>8.699999999999999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84</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562</v>
      </c>
      <c r="F4" s="13">
        <v>630</v>
      </c>
      <c r="G4" s="14">
        <v>49</v>
      </c>
    </row>
    <row r="5" spans="2:7" x14ac:dyDescent="0.2">
      <c r="B5" s="29"/>
      <c r="C5" s="8"/>
      <c r="D5" s="15">
        <v>100</v>
      </c>
      <c r="E5" s="16">
        <v>45.3</v>
      </c>
      <c r="F5" s="17">
        <v>50.8</v>
      </c>
      <c r="G5" s="18">
        <v>3.9</v>
      </c>
    </row>
    <row r="6" spans="2:7" x14ac:dyDescent="0.2">
      <c r="B6" s="29"/>
      <c r="C6" s="2" t="s">
        <v>52</v>
      </c>
      <c r="D6" s="19">
        <v>557</v>
      </c>
      <c r="E6" s="20">
        <v>277</v>
      </c>
      <c r="F6" s="21">
        <v>257</v>
      </c>
      <c r="G6" s="22">
        <v>23</v>
      </c>
    </row>
    <row r="7" spans="2:7" x14ac:dyDescent="0.2">
      <c r="B7" s="29"/>
      <c r="C7" s="7"/>
      <c r="D7" s="23">
        <v>100</v>
      </c>
      <c r="E7" s="24">
        <v>49.7</v>
      </c>
      <c r="F7" s="25">
        <v>46.1</v>
      </c>
      <c r="G7" s="26">
        <v>4.0999999999999996</v>
      </c>
    </row>
    <row r="8" spans="2:7" x14ac:dyDescent="0.2">
      <c r="B8" s="29"/>
      <c r="C8" s="2" t="s">
        <v>51</v>
      </c>
      <c r="D8" s="19">
        <v>595</v>
      </c>
      <c r="E8" s="20">
        <v>245</v>
      </c>
      <c r="F8" s="21">
        <v>335</v>
      </c>
      <c r="G8" s="22">
        <v>15</v>
      </c>
    </row>
    <row r="9" spans="2:7" x14ac:dyDescent="0.2">
      <c r="B9" s="29"/>
      <c r="C9" s="7"/>
      <c r="D9" s="23">
        <v>100</v>
      </c>
      <c r="E9" s="24">
        <v>41.2</v>
      </c>
      <c r="F9" s="25">
        <v>56.3</v>
      </c>
      <c r="G9" s="26">
        <v>2.5</v>
      </c>
    </row>
    <row r="10" spans="2:7" x14ac:dyDescent="0.2">
      <c r="B10" s="29"/>
      <c r="C10" s="2" t="s">
        <v>13</v>
      </c>
      <c r="D10" s="19">
        <v>89</v>
      </c>
      <c r="E10" s="20">
        <v>40</v>
      </c>
      <c r="F10" s="21">
        <v>38</v>
      </c>
      <c r="G10" s="22">
        <v>11</v>
      </c>
    </row>
    <row r="11" spans="2:7" x14ac:dyDescent="0.2">
      <c r="B11" s="30"/>
      <c r="C11" s="10"/>
      <c r="D11" s="15">
        <v>100</v>
      </c>
      <c r="E11" s="16">
        <v>44.9</v>
      </c>
      <c r="F11" s="17">
        <v>42.7</v>
      </c>
      <c r="G11" s="18">
        <v>12.4</v>
      </c>
    </row>
    <row r="12" spans="2:7" x14ac:dyDescent="0.2">
      <c r="B12" s="28" t="s">
        <v>54</v>
      </c>
      <c r="C12" s="9" t="s">
        <v>12</v>
      </c>
      <c r="D12" s="11">
        <v>1241</v>
      </c>
      <c r="E12" s="12">
        <v>562</v>
      </c>
      <c r="F12" s="13">
        <v>630</v>
      </c>
      <c r="G12" s="14">
        <v>49</v>
      </c>
    </row>
    <row r="13" spans="2:7" x14ac:dyDescent="0.2">
      <c r="B13" s="29"/>
      <c r="C13" s="8"/>
      <c r="D13" s="15">
        <v>100</v>
      </c>
      <c r="E13" s="16">
        <v>45.3</v>
      </c>
      <c r="F13" s="17">
        <v>50.8</v>
      </c>
      <c r="G13" s="18">
        <v>3.9</v>
      </c>
    </row>
    <row r="14" spans="2:7" x14ac:dyDescent="0.2">
      <c r="B14" s="29"/>
      <c r="C14" s="2" t="s">
        <v>50</v>
      </c>
      <c r="D14" s="19">
        <v>84</v>
      </c>
      <c r="E14" s="20">
        <v>32</v>
      </c>
      <c r="F14" s="21">
        <v>49</v>
      </c>
      <c r="G14" s="22">
        <v>3</v>
      </c>
    </row>
    <row r="15" spans="2:7" x14ac:dyDescent="0.2">
      <c r="B15" s="29"/>
      <c r="C15" s="7"/>
      <c r="D15" s="23">
        <v>100</v>
      </c>
      <c r="E15" s="24">
        <v>38.1</v>
      </c>
      <c r="F15" s="25">
        <v>58.3</v>
      </c>
      <c r="G15" s="26">
        <v>3.6</v>
      </c>
    </row>
    <row r="16" spans="2:7" x14ac:dyDescent="0.2">
      <c r="B16" s="29"/>
      <c r="C16" s="2" t="s">
        <v>49</v>
      </c>
      <c r="D16" s="19">
        <v>97</v>
      </c>
      <c r="E16" s="20">
        <v>45</v>
      </c>
      <c r="F16" s="21">
        <v>49</v>
      </c>
      <c r="G16" s="22">
        <v>3</v>
      </c>
    </row>
    <row r="17" spans="2:7" x14ac:dyDescent="0.2">
      <c r="B17" s="29"/>
      <c r="C17" s="7"/>
      <c r="D17" s="23">
        <v>100</v>
      </c>
      <c r="E17" s="24">
        <v>46.4</v>
      </c>
      <c r="F17" s="25">
        <v>50.5</v>
      </c>
      <c r="G17" s="26">
        <v>3.1</v>
      </c>
    </row>
    <row r="18" spans="2:7" x14ac:dyDescent="0.2">
      <c r="B18" s="29"/>
      <c r="C18" s="2" t="s">
        <v>48</v>
      </c>
      <c r="D18" s="19">
        <v>79</v>
      </c>
      <c r="E18" s="20">
        <v>39</v>
      </c>
      <c r="F18" s="21">
        <v>39</v>
      </c>
      <c r="G18" s="22">
        <v>1</v>
      </c>
    </row>
    <row r="19" spans="2:7" x14ac:dyDescent="0.2">
      <c r="B19" s="29"/>
      <c r="C19" s="7"/>
      <c r="D19" s="23">
        <v>100</v>
      </c>
      <c r="E19" s="24">
        <v>49.4</v>
      </c>
      <c r="F19" s="25">
        <v>49.4</v>
      </c>
      <c r="G19" s="26">
        <v>1.3</v>
      </c>
    </row>
    <row r="20" spans="2:7" x14ac:dyDescent="0.2">
      <c r="B20" s="29"/>
      <c r="C20" s="2" t="s">
        <v>47</v>
      </c>
      <c r="D20" s="19">
        <v>72</v>
      </c>
      <c r="E20" s="20">
        <v>31</v>
      </c>
      <c r="F20" s="21">
        <v>40</v>
      </c>
      <c r="G20" s="22">
        <v>1</v>
      </c>
    </row>
    <row r="21" spans="2:7" x14ac:dyDescent="0.2">
      <c r="B21" s="29"/>
      <c r="C21" s="7"/>
      <c r="D21" s="23">
        <v>100</v>
      </c>
      <c r="E21" s="24">
        <v>43.1</v>
      </c>
      <c r="F21" s="25">
        <v>55.6</v>
      </c>
      <c r="G21" s="26">
        <v>1.4</v>
      </c>
    </row>
    <row r="22" spans="2:7" x14ac:dyDescent="0.2">
      <c r="B22" s="29"/>
      <c r="C22" s="2" t="s">
        <v>46</v>
      </c>
      <c r="D22" s="19">
        <v>15</v>
      </c>
      <c r="E22" s="20">
        <v>4</v>
      </c>
      <c r="F22" s="21">
        <v>10</v>
      </c>
      <c r="G22" s="22">
        <v>1</v>
      </c>
    </row>
    <row r="23" spans="2:7" x14ac:dyDescent="0.2">
      <c r="B23" s="29"/>
      <c r="C23" s="7"/>
      <c r="D23" s="23">
        <v>100</v>
      </c>
      <c r="E23" s="24">
        <v>26.7</v>
      </c>
      <c r="F23" s="25">
        <v>66.7</v>
      </c>
      <c r="G23" s="26">
        <v>6.7</v>
      </c>
    </row>
    <row r="24" spans="2:7" x14ac:dyDescent="0.2">
      <c r="B24" s="29"/>
      <c r="C24" s="2" t="s">
        <v>45</v>
      </c>
      <c r="D24" s="19">
        <v>77</v>
      </c>
      <c r="E24" s="20">
        <v>28</v>
      </c>
      <c r="F24" s="21">
        <v>49</v>
      </c>
      <c r="G24" s="22" t="s">
        <v>152</v>
      </c>
    </row>
    <row r="25" spans="2:7" x14ac:dyDescent="0.2">
      <c r="B25" s="29"/>
      <c r="C25" s="7"/>
      <c r="D25" s="23">
        <v>100</v>
      </c>
      <c r="E25" s="24">
        <v>36.4</v>
      </c>
      <c r="F25" s="25">
        <v>63.6</v>
      </c>
      <c r="G25" s="26" t="s">
        <v>152</v>
      </c>
    </row>
    <row r="26" spans="2:7" x14ac:dyDescent="0.2">
      <c r="B26" s="29"/>
      <c r="C26" s="2" t="s">
        <v>44</v>
      </c>
      <c r="D26" s="19">
        <v>260</v>
      </c>
      <c r="E26" s="20">
        <v>118</v>
      </c>
      <c r="F26" s="21">
        <v>131</v>
      </c>
      <c r="G26" s="22">
        <v>11</v>
      </c>
    </row>
    <row r="27" spans="2:7" x14ac:dyDescent="0.2">
      <c r="B27" s="29"/>
      <c r="C27" s="7"/>
      <c r="D27" s="23">
        <v>100</v>
      </c>
      <c r="E27" s="24">
        <v>45.4</v>
      </c>
      <c r="F27" s="25">
        <v>50.4</v>
      </c>
      <c r="G27" s="26">
        <v>4.2</v>
      </c>
    </row>
    <row r="28" spans="2:7" x14ac:dyDescent="0.2">
      <c r="B28" s="29"/>
      <c r="C28" s="2" t="s">
        <v>43</v>
      </c>
      <c r="D28" s="19">
        <v>334</v>
      </c>
      <c r="E28" s="20">
        <v>167</v>
      </c>
      <c r="F28" s="21">
        <v>149</v>
      </c>
      <c r="G28" s="22">
        <v>18</v>
      </c>
    </row>
    <row r="29" spans="2:7" x14ac:dyDescent="0.2">
      <c r="B29" s="29"/>
      <c r="C29" s="7"/>
      <c r="D29" s="23">
        <v>100</v>
      </c>
      <c r="E29" s="24">
        <v>50</v>
      </c>
      <c r="F29" s="25">
        <v>44.6</v>
      </c>
      <c r="G29" s="26">
        <v>5.4</v>
      </c>
    </row>
    <row r="30" spans="2:7" x14ac:dyDescent="0.2">
      <c r="B30" s="29"/>
      <c r="C30" s="2" t="s">
        <v>14</v>
      </c>
      <c r="D30" s="19">
        <v>28</v>
      </c>
      <c r="E30" s="20">
        <v>17</v>
      </c>
      <c r="F30" s="21">
        <v>9</v>
      </c>
      <c r="G30" s="22">
        <v>2</v>
      </c>
    </row>
    <row r="31" spans="2:7" x14ac:dyDescent="0.2">
      <c r="B31" s="29"/>
      <c r="C31" s="7"/>
      <c r="D31" s="23">
        <v>100</v>
      </c>
      <c r="E31" s="24">
        <v>60.7</v>
      </c>
      <c r="F31" s="25">
        <v>32.1</v>
      </c>
      <c r="G31" s="26">
        <v>7.1</v>
      </c>
    </row>
    <row r="32" spans="2:7" x14ac:dyDescent="0.2">
      <c r="B32" s="29"/>
      <c r="C32" s="2" t="s">
        <v>42</v>
      </c>
      <c r="D32" s="19">
        <v>390</v>
      </c>
      <c r="E32" s="20">
        <v>169</v>
      </c>
      <c r="F32" s="21">
        <v>214</v>
      </c>
      <c r="G32" s="22">
        <v>7</v>
      </c>
    </row>
    <row r="33" spans="2:7" x14ac:dyDescent="0.2">
      <c r="B33" s="29"/>
      <c r="C33" s="7"/>
      <c r="D33" s="23">
        <v>100</v>
      </c>
      <c r="E33" s="24">
        <v>43.3</v>
      </c>
      <c r="F33" s="25">
        <v>54.9</v>
      </c>
      <c r="G33" s="26">
        <v>1.8</v>
      </c>
    </row>
    <row r="34" spans="2:7" x14ac:dyDescent="0.2">
      <c r="B34" s="29"/>
      <c r="C34" s="2" t="s">
        <v>13</v>
      </c>
      <c r="D34" s="19">
        <v>70</v>
      </c>
      <c r="E34" s="20">
        <v>31</v>
      </c>
      <c r="F34" s="21">
        <v>30</v>
      </c>
      <c r="G34" s="22">
        <v>9</v>
      </c>
    </row>
    <row r="35" spans="2:7" x14ac:dyDescent="0.2">
      <c r="B35" s="30"/>
      <c r="C35" s="10"/>
      <c r="D35" s="15">
        <v>100</v>
      </c>
      <c r="E35" s="16">
        <v>44.3</v>
      </c>
      <c r="F35" s="17">
        <v>42.9</v>
      </c>
      <c r="G35" s="18">
        <v>12.9</v>
      </c>
    </row>
    <row r="36" spans="2:7" x14ac:dyDescent="0.2">
      <c r="B36" s="28" t="s">
        <v>53</v>
      </c>
      <c r="C36" s="9" t="s">
        <v>12</v>
      </c>
      <c r="D36" s="11">
        <v>1241</v>
      </c>
      <c r="E36" s="12">
        <v>562</v>
      </c>
      <c r="F36" s="13">
        <v>630</v>
      </c>
      <c r="G36" s="14">
        <v>49</v>
      </c>
    </row>
    <row r="37" spans="2:7" x14ac:dyDescent="0.2">
      <c r="B37" s="29"/>
      <c r="C37" s="8"/>
      <c r="D37" s="15">
        <v>100</v>
      </c>
      <c r="E37" s="16">
        <v>45.3</v>
      </c>
      <c r="F37" s="17">
        <v>50.8</v>
      </c>
      <c r="G37" s="18">
        <v>3.9</v>
      </c>
    </row>
    <row r="38" spans="2:7" x14ac:dyDescent="0.2">
      <c r="B38" s="29"/>
      <c r="C38" s="2" t="s">
        <v>41</v>
      </c>
      <c r="D38" s="19">
        <v>799</v>
      </c>
      <c r="E38" s="20">
        <v>378</v>
      </c>
      <c r="F38" s="21">
        <v>408</v>
      </c>
      <c r="G38" s="22">
        <v>13</v>
      </c>
    </row>
    <row r="39" spans="2:7" x14ac:dyDescent="0.2">
      <c r="B39" s="29"/>
      <c r="C39" s="7"/>
      <c r="D39" s="23">
        <v>100</v>
      </c>
      <c r="E39" s="24">
        <v>47.3</v>
      </c>
      <c r="F39" s="25">
        <v>51.1</v>
      </c>
      <c r="G39" s="26">
        <v>1.6</v>
      </c>
    </row>
    <row r="40" spans="2:7" x14ac:dyDescent="0.2">
      <c r="B40" s="29"/>
      <c r="C40" s="2" t="s">
        <v>40</v>
      </c>
      <c r="D40" s="19">
        <v>182</v>
      </c>
      <c r="E40" s="20">
        <v>84</v>
      </c>
      <c r="F40" s="21">
        <v>89</v>
      </c>
      <c r="G40" s="22">
        <v>9</v>
      </c>
    </row>
    <row r="41" spans="2:7" x14ac:dyDescent="0.2">
      <c r="B41" s="29"/>
      <c r="C41" s="7"/>
      <c r="D41" s="23">
        <v>100</v>
      </c>
      <c r="E41" s="24">
        <v>46.2</v>
      </c>
      <c r="F41" s="25">
        <v>48.9</v>
      </c>
      <c r="G41" s="26">
        <v>4.9000000000000004</v>
      </c>
    </row>
    <row r="42" spans="2:7" x14ac:dyDescent="0.2">
      <c r="B42" s="29"/>
      <c r="C42" s="2" t="s">
        <v>39</v>
      </c>
      <c r="D42" s="19">
        <v>72</v>
      </c>
      <c r="E42" s="20">
        <v>35</v>
      </c>
      <c r="F42" s="21">
        <v>36</v>
      </c>
      <c r="G42" s="22">
        <v>1</v>
      </c>
    </row>
    <row r="43" spans="2:7" x14ac:dyDescent="0.2">
      <c r="B43" s="29"/>
      <c r="C43" s="7"/>
      <c r="D43" s="23">
        <v>100</v>
      </c>
      <c r="E43" s="24">
        <v>48.6</v>
      </c>
      <c r="F43" s="25">
        <v>50</v>
      </c>
      <c r="G43" s="26">
        <v>1.4</v>
      </c>
    </row>
    <row r="44" spans="2:7" x14ac:dyDescent="0.2">
      <c r="B44" s="29"/>
      <c r="C44" s="2" t="s">
        <v>38</v>
      </c>
      <c r="D44" s="19">
        <v>127</v>
      </c>
      <c r="E44" s="20">
        <v>39</v>
      </c>
      <c r="F44" s="21">
        <v>70</v>
      </c>
      <c r="G44" s="22">
        <v>18</v>
      </c>
    </row>
    <row r="45" spans="2:7" x14ac:dyDescent="0.2">
      <c r="B45" s="29"/>
      <c r="C45" s="7"/>
      <c r="D45" s="23">
        <v>100</v>
      </c>
      <c r="E45" s="24">
        <v>30.7</v>
      </c>
      <c r="F45" s="25">
        <v>55.1</v>
      </c>
      <c r="G45" s="26">
        <v>14.2</v>
      </c>
    </row>
    <row r="46" spans="2:7" x14ac:dyDescent="0.2">
      <c r="B46" s="29"/>
      <c r="C46" s="2" t="s">
        <v>13</v>
      </c>
      <c r="D46" s="19">
        <v>61</v>
      </c>
      <c r="E46" s="20">
        <v>26</v>
      </c>
      <c r="F46" s="21">
        <v>27</v>
      </c>
      <c r="G46" s="22">
        <v>8</v>
      </c>
    </row>
    <row r="47" spans="2:7" x14ac:dyDescent="0.2">
      <c r="B47" s="30"/>
      <c r="C47" s="10"/>
      <c r="D47" s="15">
        <v>100</v>
      </c>
      <c r="E47" s="16">
        <v>42.6</v>
      </c>
      <c r="F47" s="17">
        <v>44.3</v>
      </c>
      <c r="G47" s="18">
        <v>13.1</v>
      </c>
    </row>
  </sheetData>
  <mergeCells count="3">
    <mergeCell ref="B4:B11"/>
    <mergeCell ref="B12:B35"/>
    <mergeCell ref="B36:B47"/>
  </mergeCells>
  <phoneticPr fontId="2"/>
  <pageMargins left="0.7" right="0.7" top="0.75" bottom="0.75" header="0.3" footer="0.3"/>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66</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865</v>
      </c>
      <c r="F4" s="13">
        <v>297</v>
      </c>
      <c r="G4" s="14">
        <v>79</v>
      </c>
    </row>
    <row r="5" spans="2:7" x14ac:dyDescent="0.2">
      <c r="B5" s="29"/>
      <c r="C5" s="8"/>
      <c r="D5" s="15">
        <v>100</v>
      </c>
      <c r="E5" s="16">
        <v>69.7</v>
      </c>
      <c r="F5" s="17">
        <v>23.9</v>
      </c>
      <c r="G5" s="18">
        <v>6.4</v>
      </c>
    </row>
    <row r="6" spans="2:7" x14ac:dyDescent="0.2">
      <c r="B6" s="29"/>
      <c r="C6" s="2" t="s">
        <v>52</v>
      </c>
      <c r="D6" s="19">
        <v>557</v>
      </c>
      <c r="E6" s="20">
        <v>392</v>
      </c>
      <c r="F6" s="21">
        <v>130</v>
      </c>
      <c r="G6" s="22">
        <v>35</v>
      </c>
    </row>
    <row r="7" spans="2:7" x14ac:dyDescent="0.2">
      <c r="B7" s="29"/>
      <c r="C7" s="7"/>
      <c r="D7" s="23">
        <v>100</v>
      </c>
      <c r="E7" s="24">
        <v>70.400000000000006</v>
      </c>
      <c r="F7" s="25">
        <v>23.3</v>
      </c>
      <c r="G7" s="26">
        <v>6.3</v>
      </c>
    </row>
    <row r="8" spans="2:7" x14ac:dyDescent="0.2">
      <c r="B8" s="29"/>
      <c r="C8" s="2" t="s">
        <v>51</v>
      </c>
      <c r="D8" s="19">
        <v>595</v>
      </c>
      <c r="E8" s="20">
        <v>420</v>
      </c>
      <c r="F8" s="21">
        <v>148</v>
      </c>
      <c r="G8" s="22">
        <v>27</v>
      </c>
    </row>
    <row r="9" spans="2:7" x14ac:dyDescent="0.2">
      <c r="B9" s="29"/>
      <c r="C9" s="7"/>
      <c r="D9" s="23">
        <v>100</v>
      </c>
      <c r="E9" s="24">
        <v>70.599999999999994</v>
      </c>
      <c r="F9" s="25">
        <v>24.9</v>
      </c>
      <c r="G9" s="26">
        <v>4.5</v>
      </c>
    </row>
    <row r="10" spans="2:7" x14ac:dyDescent="0.2">
      <c r="B10" s="29"/>
      <c r="C10" s="2" t="s">
        <v>13</v>
      </c>
      <c r="D10" s="19">
        <v>89</v>
      </c>
      <c r="E10" s="20">
        <v>53</v>
      </c>
      <c r="F10" s="21">
        <v>19</v>
      </c>
      <c r="G10" s="22">
        <v>17</v>
      </c>
    </row>
    <row r="11" spans="2:7" x14ac:dyDescent="0.2">
      <c r="B11" s="30"/>
      <c r="C11" s="10"/>
      <c r="D11" s="15">
        <v>100</v>
      </c>
      <c r="E11" s="16">
        <v>59.6</v>
      </c>
      <c r="F11" s="17">
        <v>21.3</v>
      </c>
      <c r="G11" s="18">
        <v>19.100000000000001</v>
      </c>
    </row>
    <row r="12" spans="2:7" x14ac:dyDescent="0.2">
      <c r="B12" s="28" t="s">
        <v>54</v>
      </c>
      <c r="C12" s="9" t="s">
        <v>12</v>
      </c>
      <c r="D12" s="11">
        <v>1241</v>
      </c>
      <c r="E12" s="12">
        <v>865</v>
      </c>
      <c r="F12" s="13">
        <v>297</v>
      </c>
      <c r="G12" s="14">
        <v>79</v>
      </c>
    </row>
    <row r="13" spans="2:7" x14ac:dyDescent="0.2">
      <c r="B13" s="29"/>
      <c r="C13" s="8"/>
      <c r="D13" s="15">
        <v>100</v>
      </c>
      <c r="E13" s="16">
        <v>69.7</v>
      </c>
      <c r="F13" s="17">
        <v>23.9</v>
      </c>
      <c r="G13" s="18">
        <v>6.4</v>
      </c>
    </row>
    <row r="14" spans="2:7" x14ac:dyDescent="0.2">
      <c r="B14" s="29"/>
      <c r="C14" s="2" t="s">
        <v>50</v>
      </c>
      <c r="D14" s="19">
        <v>84</v>
      </c>
      <c r="E14" s="20">
        <v>60</v>
      </c>
      <c r="F14" s="21">
        <v>23</v>
      </c>
      <c r="G14" s="22">
        <v>1</v>
      </c>
    </row>
    <row r="15" spans="2:7" x14ac:dyDescent="0.2">
      <c r="B15" s="29"/>
      <c r="C15" s="7"/>
      <c r="D15" s="23">
        <v>100</v>
      </c>
      <c r="E15" s="24">
        <v>71.400000000000006</v>
      </c>
      <c r="F15" s="25">
        <v>27.4</v>
      </c>
      <c r="G15" s="26">
        <v>1.2</v>
      </c>
    </row>
    <row r="16" spans="2:7" x14ac:dyDescent="0.2">
      <c r="B16" s="29"/>
      <c r="C16" s="2" t="s">
        <v>49</v>
      </c>
      <c r="D16" s="19">
        <v>97</v>
      </c>
      <c r="E16" s="20">
        <v>79</v>
      </c>
      <c r="F16" s="21">
        <v>17</v>
      </c>
      <c r="G16" s="22">
        <v>1</v>
      </c>
    </row>
    <row r="17" spans="2:7" x14ac:dyDescent="0.2">
      <c r="B17" s="29"/>
      <c r="C17" s="7"/>
      <c r="D17" s="23">
        <v>100</v>
      </c>
      <c r="E17" s="24">
        <v>81.400000000000006</v>
      </c>
      <c r="F17" s="25">
        <v>17.5</v>
      </c>
      <c r="G17" s="26">
        <v>1</v>
      </c>
    </row>
    <row r="18" spans="2:7" x14ac:dyDescent="0.2">
      <c r="B18" s="29"/>
      <c r="C18" s="2" t="s">
        <v>48</v>
      </c>
      <c r="D18" s="19">
        <v>79</v>
      </c>
      <c r="E18" s="20">
        <v>66</v>
      </c>
      <c r="F18" s="21">
        <v>10</v>
      </c>
      <c r="G18" s="22">
        <v>3</v>
      </c>
    </row>
    <row r="19" spans="2:7" x14ac:dyDescent="0.2">
      <c r="B19" s="29"/>
      <c r="C19" s="7"/>
      <c r="D19" s="23">
        <v>100</v>
      </c>
      <c r="E19" s="24">
        <v>83.5</v>
      </c>
      <c r="F19" s="25">
        <v>12.7</v>
      </c>
      <c r="G19" s="26">
        <v>3.8</v>
      </c>
    </row>
    <row r="20" spans="2:7" x14ac:dyDescent="0.2">
      <c r="B20" s="29"/>
      <c r="C20" s="2" t="s">
        <v>47</v>
      </c>
      <c r="D20" s="19">
        <v>72</v>
      </c>
      <c r="E20" s="20">
        <v>56</v>
      </c>
      <c r="F20" s="21">
        <v>14</v>
      </c>
      <c r="G20" s="22">
        <v>2</v>
      </c>
    </row>
    <row r="21" spans="2:7" x14ac:dyDescent="0.2">
      <c r="B21" s="29"/>
      <c r="C21" s="7"/>
      <c r="D21" s="23">
        <v>100</v>
      </c>
      <c r="E21" s="24">
        <v>77.8</v>
      </c>
      <c r="F21" s="25">
        <v>19.399999999999999</v>
      </c>
      <c r="G21" s="26">
        <v>2.8</v>
      </c>
    </row>
    <row r="22" spans="2:7" x14ac:dyDescent="0.2">
      <c r="B22" s="29"/>
      <c r="C22" s="2" t="s">
        <v>46</v>
      </c>
      <c r="D22" s="19">
        <v>15</v>
      </c>
      <c r="E22" s="20">
        <v>7</v>
      </c>
      <c r="F22" s="21">
        <v>7</v>
      </c>
      <c r="G22" s="22">
        <v>1</v>
      </c>
    </row>
    <row r="23" spans="2:7" x14ac:dyDescent="0.2">
      <c r="B23" s="29"/>
      <c r="C23" s="7"/>
      <c r="D23" s="23">
        <v>100</v>
      </c>
      <c r="E23" s="24">
        <v>46.7</v>
      </c>
      <c r="F23" s="25">
        <v>46.7</v>
      </c>
      <c r="G23" s="26">
        <v>6.7</v>
      </c>
    </row>
    <row r="24" spans="2:7" x14ac:dyDescent="0.2">
      <c r="B24" s="29"/>
      <c r="C24" s="2" t="s">
        <v>45</v>
      </c>
      <c r="D24" s="19">
        <v>77</v>
      </c>
      <c r="E24" s="20">
        <v>59</v>
      </c>
      <c r="F24" s="21">
        <v>14</v>
      </c>
      <c r="G24" s="22">
        <v>4</v>
      </c>
    </row>
    <row r="25" spans="2:7" x14ac:dyDescent="0.2">
      <c r="B25" s="29"/>
      <c r="C25" s="7"/>
      <c r="D25" s="23">
        <v>100</v>
      </c>
      <c r="E25" s="24">
        <v>76.599999999999994</v>
      </c>
      <c r="F25" s="25">
        <v>18.2</v>
      </c>
      <c r="G25" s="26">
        <v>5.2</v>
      </c>
    </row>
    <row r="26" spans="2:7" x14ac:dyDescent="0.2">
      <c r="B26" s="29"/>
      <c r="C26" s="2" t="s">
        <v>44</v>
      </c>
      <c r="D26" s="19">
        <v>260</v>
      </c>
      <c r="E26" s="20">
        <v>182</v>
      </c>
      <c r="F26" s="21">
        <v>58</v>
      </c>
      <c r="G26" s="22">
        <v>20</v>
      </c>
    </row>
    <row r="27" spans="2:7" x14ac:dyDescent="0.2">
      <c r="B27" s="29"/>
      <c r="C27" s="7"/>
      <c r="D27" s="23">
        <v>100</v>
      </c>
      <c r="E27" s="24">
        <v>70</v>
      </c>
      <c r="F27" s="25">
        <v>22.3</v>
      </c>
      <c r="G27" s="26">
        <v>7.7</v>
      </c>
    </row>
    <row r="28" spans="2:7" x14ac:dyDescent="0.2">
      <c r="B28" s="29"/>
      <c r="C28" s="2" t="s">
        <v>43</v>
      </c>
      <c r="D28" s="19">
        <v>334</v>
      </c>
      <c r="E28" s="20">
        <v>241</v>
      </c>
      <c r="F28" s="21">
        <v>70</v>
      </c>
      <c r="G28" s="22">
        <v>23</v>
      </c>
    </row>
    <row r="29" spans="2:7" x14ac:dyDescent="0.2">
      <c r="B29" s="29"/>
      <c r="C29" s="7"/>
      <c r="D29" s="23">
        <v>100</v>
      </c>
      <c r="E29" s="24">
        <v>72.2</v>
      </c>
      <c r="F29" s="25">
        <v>21</v>
      </c>
      <c r="G29" s="26">
        <v>6.9</v>
      </c>
    </row>
    <row r="30" spans="2:7" x14ac:dyDescent="0.2">
      <c r="B30" s="29"/>
      <c r="C30" s="2" t="s">
        <v>14</v>
      </c>
      <c r="D30" s="19">
        <v>28</v>
      </c>
      <c r="E30" s="20">
        <v>17</v>
      </c>
      <c r="F30" s="21">
        <v>10</v>
      </c>
      <c r="G30" s="22">
        <v>1</v>
      </c>
    </row>
    <row r="31" spans="2:7" x14ac:dyDescent="0.2">
      <c r="B31" s="29"/>
      <c r="C31" s="7"/>
      <c r="D31" s="23">
        <v>100</v>
      </c>
      <c r="E31" s="24">
        <v>60.7</v>
      </c>
      <c r="F31" s="25">
        <v>35.700000000000003</v>
      </c>
      <c r="G31" s="26">
        <v>3.6</v>
      </c>
    </row>
    <row r="32" spans="2:7" x14ac:dyDescent="0.2">
      <c r="B32" s="29"/>
      <c r="C32" s="2" t="s">
        <v>42</v>
      </c>
      <c r="D32" s="19">
        <v>390</v>
      </c>
      <c r="E32" s="20">
        <v>259</v>
      </c>
      <c r="F32" s="21">
        <v>114</v>
      </c>
      <c r="G32" s="22">
        <v>17</v>
      </c>
    </row>
    <row r="33" spans="2:7" x14ac:dyDescent="0.2">
      <c r="B33" s="29"/>
      <c r="C33" s="7"/>
      <c r="D33" s="23">
        <v>100</v>
      </c>
      <c r="E33" s="24">
        <v>66.400000000000006</v>
      </c>
      <c r="F33" s="25">
        <v>29.2</v>
      </c>
      <c r="G33" s="26">
        <v>4.4000000000000004</v>
      </c>
    </row>
    <row r="34" spans="2:7" x14ac:dyDescent="0.2">
      <c r="B34" s="29"/>
      <c r="C34" s="2" t="s">
        <v>13</v>
      </c>
      <c r="D34" s="19">
        <v>70</v>
      </c>
      <c r="E34" s="20">
        <v>40</v>
      </c>
      <c r="F34" s="21">
        <v>13</v>
      </c>
      <c r="G34" s="22">
        <v>17</v>
      </c>
    </row>
    <row r="35" spans="2:7" x14ac:dyDescent="0.2">
      <c r="B35" s="30"/>
      <c r="C35" s="10"/>
      <c r="D35" s="15">
        <v>100</v>
      </c>
      <c r="E35" s="16">
        <v>57.1</v>
      </c>
      <c r="F35" s="17">
        <v>18.600000000000001</v>
      </c>
      <c r="G35" s="18">
        <v>24.3</v>
      </c>
    </row>
    <row r="36" spans="2:7" x14ac:dyDescent="0.2">
      <c r="B36" s="28" t="s">
        <v>53</v>
      </c>
      <c r="C36" s="9" t="s">
        <v>12</v>
      </c>
      <c r="D36" s="11">
        <v>1241</v>
      </c>
      <c r="E36" s="12">
        <v>865</v>
      </c>
      <c r="F36" s="13">
        <v>297</v>
      </c>
      <c r="G36" s="14">
        <v>79</v>
      </c>
    </row>
    <row r="37" spans="2:7" x14ac:dyDescent="0.2">
      <c r="B37" s="29"/>
      <c r="C37" s="8"/>
      <c r="D37" s="15">
        <v>100</v>
      </c>
      <c r="E37" s="16">
        <v>69.7</v>
      </c>
      <c r="F37" s="17">
        <v>23.9</v>
      </c>
      <c r="G37" s="18">
        <v>6.4</v>
      </c>
    </row>
    <row r="38" spans="2:7" x14ac:dyDescent="0.2">
      <c r="B38" s="29"/>
      <c r="C38" s="2" t="s">
        <v>41</v>
      </c>
      <c r="D38" s="19">
        <v>799</v>
      </c>
      <c r="E38" s="20">
        <v>575</v>
      </c>
      <c r="F38" s="21">
        <v>195</v>
      </c>
      <c r="G38" s="22">
        <v>29</v>
      </c>
    </row>
    <row r="39" spans="2:7" x14ac:dyDescent="0.2">
      <c r="B39" s="29"/>
      <c r="C39" s="7"/>
      <c r="D39" s="23">
        <v>100</v>
      </c>
      <c r="E39" s="24">
        <v>72</v>
      </c>
      <c r="F39" s="25">
        <v>24.4</v>
      </c>
      <c r="G39" s="26">
        <v>3.6</v>
      </c>
    </row>
    <row r="40" spans="2:7" x14ac:dyDescent="0.2">
      <c r="B40" s="29"/>
      <c r="C40" s="2" t="s">
        <v>40</v>
      </c>
      <c r="D40" s="19">
        <v>182</v>
      </c>
      <c r="E40" s="20">
        <v>128</v>
      </c>
      <c r="F40" s="21">
        <v>41</v>
      </c>
      <c r="G40" s="22">
        <v>13</v>
      </c>
    </row>
    <row r="41" spans="2:7" x14ac:dyDescent="0.2">
      <c r="B41" s="29"/>
      <c r="C41" s="7"/>
      <c r="D41" s="23">
        <v>100</v>
      </c>
      <c r="E41" s="24">
        <v>70.3</v>
      </c>
      <c r="F41" s="25">
        <v>22.5</v>
      </c>
      <c r="G41" s="26">
        <v>7.1</v>
      </c>
    </row>
    <row r="42" spans="2:7" x14ac:dyDescent="0.2">
      <c r="B42" s="29"/>
      <c r="C42" s="2" t="s">
        <v>39</v>
      </c>
      <c r="D42" s="19">
        <v>72</v>
      </c>
      <c r="E42" s="20">
        <v>47</v>
      </c>
      <c r="F42" s="21">
        <v>18</v>
      </c>
      <c r="G42" s="22">
        <v>7</v>
      </c>
    </row>
    <row r="43" spans="2:7" x14ac:dyDescent="0.2">
      <c r="B43" s="29"/>
      <c r="C43" s="7"/>
      <c r="D43" s="23">
        <v>100</v>
      </c>
      <c r="E43" s="24">
        <v>65.3</v>
      </c>
      <c r="F43" s="25">
        <v>25</v>
      </c>
      <c r="G43" s="26">
        <v>9.6999999999999993</v>
      </c>
    </row>
    <row r="44" spans="2:7" x14ac:dyDescent="0.2">
      <c r="B44" s="29"/>
      <c r="C44" s="2" t="s">
        <v>38</v>
      </c>
      <c r="D44" s="19">
        <v>127</v>
      </c>
      <c r="E44" s="20">
        <v>82</v>
      </c>
      <c r="F44" s="21">
        <v>31</v>
      </c>
      <c r="G44" s="22">
        <v>14</v>
      </c>
    </row>
    <row r="45" spans="2:7" x14ac:dyDescent="0.2">
      <c r="B45" s="29"/>
      <c r="C45" s="7"/>
      <c r="D45" s="23">
        <v>100</v>
      </c>
      <c r="E45" s="24">
        <v>64.599999999999994</v>
      </c>
      <c r="F45" s="25">
        <v>24.4</v>
      </c>
      <c r="G45" s="26">
        <v>11</v>
      </c>
    </row>
    <row r="46" spans="2:7" x14ac:dyDescent="0.2">
      <c r="B46" s="29"/>
      <c r="C46" s="2" t="s">
        <v>13</v>
      </c>
      <c r="D46" s="19">
        <v>61</v>
      </c>
      <c r="E46" s="20">
        <v>33</v>
      </c>
      <c r="F46" s="21">
        <v>12</v>
      </c>
      <c r="G46" s="22">
        <v>16</v>
      </c>
    </row>
    <row r="47" spans="2:7" x14ac:dyDescent="0.2">
      <c r="B47" s="30"/>
      <c r="C47" s="10"/>
      <c r="D47" s="15">
        <v>100</v>
      </c>
      <c r="E47" s="16">
        <v>54.1</v>
      </c>
      <c r="F47" s="17">
        <v>19.7</v>
      </c>
      <c r="G47" s="18">
        <v>26.2</v>
      </c>
    </row>
  </sheetData>
  <mergeCells count="3">
    <mergeCell ref="B4:B11"/>
    <mergeCell ref="B12:B35"/>
    <mergeCell ref="B36:B47"/>
  </mergeCells>
  <phoneticPr fontId="2"/>
  <pageMargins left="0.7" right="0.7" top="0.75" bottom="0.75" header="0.3" footer="0.3"/>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65</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898</v>
      </c>
      <c r="F4" s="13">
        <v>267</v>
      </c>
      <c r="G4" s="14">
        <v>76</v>
      </c>
    </row>
    <row r="5" spans="2:7" x14ac:dyDescent="0.2">
      <c r="B5" s="29"/>
      <c r="C5" s="8"/>
      <c r="D5" s="15">
        <v>100</v>
      </c>
      <c r="E5" s="16">
        <v>72.400000000000006</v>
      </c>
      <c r="F5" s="17">
        <v>21.5</v>
      </c>
      <c r="G5" s="18">
        <v>6.1</v>
      </c>
    </row>
    <row r="6" spans="2:7" x14ac:dyDescent="0.2">
      <c r="B6" s="29"/>
      <c r="C6" s="2" t="s">
        <v>30</v>
      </c>
      <c r="D6" s="19">
        <v>499</v>
      </c>
      <c r="E6" s="20">
        <v>374</v>
      </c>
      <c r="F6" s="21">
        <v>106</v>
      </c>
      <c r="G6" s="22">
        <v>19</v>
      </c>
    </row>
    <row r="7" spans="2:7" x14ac:dyDescent="0.2">
      <c r="B7" s="29"/>
      <c r="C7" s="7"/>
      <c r="D7" s="23">
        <v>100</v>
      </c>
      <c r="E7" s="24">
        <v>74.900000000000006</v>
      </c>
      <c r="F7" s="25">
        <v>21.2</v>
      </c>
      <c r="G7" s="26">
        <v>3.8</v>
      </c>
    </row>
    <row r="8" spans="2:7" x14ac:dyDescent="0.2">
      <c r="B8" s="29"/>
      <c r="C8" s="2" t="s">
        <v>29</v>
      </c>
      <c r="D8" s="19">
        <v>150</v>
      </c>
      <c r="E8" s="20">
        <v>107</v>
      </c>
      <c r="F8" s="21">
        <v>33</v>
      </c>
      <c r="G8" s="22">
        <v>10</v>
      </c>
    </row>
    <row r="9" spans="2:7" x14ac:dyDescent="0.2">
      <c r="B9" s="29"/>
      <c r="C9" s="7"/>
      <c r="D9" s="23">
        <v>100</v>
      </c>
      <c r="E9" s="24">
        <v>71.3</v>
      </c>
      <c r="F9" s="25">
        <v>22</v>
      </c>
      <c r="G9" s="26">
        <v>6.7</v>
      </c>
    </row>
    <row r="10" spans="2:7" x14ac:dyDescent="0.2">
      <c r="B10" s="29"/>
      <c r="C10" s="2" t="s">
        <v>28</v>
      </c>
      <c r="D10" s="19">
        <v>82</v>
      </c>
      <c r="E10" s="20">
        <v>59</v>
      </c>
      <c r="F10" s="21">
        <v>19</v>
      </c>
      <c r="G10" s="22">
        <v>4</v>
      </c>
    </row>
    <row r="11" spans="2:7" x14ac:dyDescent="0.2">
      <c r="B11" s="29"/>
      <c r="C11" s="7"/>
      <c r="D11" s="23">
        <v>100</v>
      </c>
      <c r="E11" s="24">
        <v>72</v>
      </c>
      <c r="F11" s="25">
        <v>23.2</v>
      </c>
      <c r="G11" s="26">
        <v>4.9000000000000004</v>
      </c>
    </row>
    <row r="12" spans="2:7" x14ac:dyDescent="0.2">
      <c r="B12" s="29"/>
      <c r="C12" s="2" t="s">
        <v>27</v>
      </c>
      <c r="D12" s="19">
        <v>92</v>
      </c>
      <c r="E12" s="20">
        <v>67</v>
      </c>
      <c r="F12" s="21">
        <v>20</v>
      </c>
      <c r="G12" s="22">
        <v>5</v>
      </c>
    </row>
    <row r="13" spans="2:7" x14ac:dyDescent="0.2">
      <c r="B13" s="29"/>
      <c r="C13" s="7"/>
      <c r="D13" s="23">
        <v>100</v>
      </c>
      <c r="E13" s="24">
        <v>72.8</v>
      </c>
      <c r="F13" s="25">
        <v>21.7</v>
      </c>
      <c r="G13" s="26">
        <v>5.4</v>
      </c>
    </row>
    <row r="14" spans="2:7" x14ac:dyDescent="0.2">
      <c r="B14" s="29"/>
      <c r="C14" s="2" t="s">
        <v>26</v>
      </c>
      <c r="D14" s="19">
        <v>112</v>
      </c>
      <c r="E14" s="20">
        <v>81</v>
      </c>
      <c r="F14" s="21">
        <v>22</v>
      </c>
      <c r="G14" s="22">
        <v>9</v>
      </c>
    </row>
    <row r="15" spans="2:7" x14ac:dyDescent="0.2">
      <c r="B15" s="29"/>
      <c r="C15" s="7"/>
      <c r="D15" s="23">
        <v>100</v>
      </c>
      <c r="E15" s="24">
        <v>72.3</v>
      </c>
      <c r="F15" s="25">
        <v>19.600000000000001</v>
      </c>
      <c r="G15" s="26">
        <v>8</v>
      </c>
    </row>
    <row r="16" spans="2:7" x14ac:dyDescent="0.2">
      <c r="B16" s="29"/>
      <c r="C16" s="2" t="s">
        <v>25</v>
      </c>
      <c r="D16" s="19">
        <v>188</v>
      </c>
      <c r="E16" s="20">
        <v>125</v>
      </c>
      <c r="F16" s="21">
        <v>49</v>
      </c>
      <c r="G16" s="22">
        <v>14</v>
      </c>
    </row>
    <row r="17" spans="2:7" x14ac:dyDescent="0.2">
      <c r="B17" s="29"/>
      <c r="C17" s="7"/>
      <c r="D17" s="23">
        <v>100</v>
      </c>
      <c r="E17" s="24">
        <v>66.5</v>
      </c>
      <c r="F17" s="25">
        <v>26.1</v>
      </c>
      <c r="G17" s="26">
        <v>7.4</v>
      </c>
    </row>
    <row r="18" spans="2:7" x14ac:dyDescent="0.2">
      <c r="B18" s="29"/>
      <c r="C18" s="2" t="s">
        <v>24</v>
      </c>
      <c r="D18" s="19">
        <v>60</v>
      </c>
      <c r="E18" s="20">
        <v>50</v>
      </c>
      <c r="F18" s="21">
        <v>7</v>
      </c>
      <c r="G18" s="22">
        <v>3</v>
      </c>
    </row>
    <row r="19" spans="2:7" x14ac:dyDescent="0.2">
      <c r="B19" s="29"/>
      <c r="C19" s="7"/>
      <c r="D19" s="23">
        <v>100</v>
      </c>
      <c r="E19" s="24">
        <v>83.3</v>
      </c>
      <c r="F19" s="25">
        <v>11.7</v>
      </c>
      <c r="G19" s="26">
        <v>5</v>
      </c>
    </row>
    <row r="20" spans="2:7" x14ac:dyDescent="0.2">
      <c r="B20" s="29"/>
      <c r="C20" s="2" t="s">
        <v>13</v>
      </c>
      <c r="D20" s="19">
        <v>58</v>
      </c>
      <c r="E20" s="20">
        <v>35</v>
      </c>
      <c r="F20" s="21">
        <v>11</v>
      </c>
      <c r="G20" s="22">
        <v>12</v>
      </c>
    </row>
    <row r="21" spans="2:7" x14ac:dyDescent="0.2">
      <c r="B21" s="30"/>
      <c r="C21" s="10"/>
      <c r="D21" s="15">
        <v>100</v>
      </c>
      <c r="E21" s="16">
        <v>60.3</v>
      </c>
      <c r="F21" s="17">
        <v>19</v>
      </c>
      <c r="G21" s="18">
        <v>20.7</v>
      </c>
    </row>
    <row r="22" spans="2:7" x14ac:dyDescent="0.2">
      <c r="B22" s="28" t="s">
        <v>35</v>
      </c>
      <c r="C22" s="9" t="s">
        <v>12</v>
      </c>
      <c r="D22" s="11">
        <v>1241</v>
      </c>
      <c r="E22" s="12">
        <v>898</v>
      </c>
      <c r="F22" s="13">
        <v>267</v>
      </c>
      <c r="G22" s="14">
        <v>76</v>
      </c>
    </row>
    <row r="23" spans="2:7" x14ac:dyDescent="0.2">
      <c r="B23" s="29"/>
      <c r="C23" s="8"/>
      <c r="D23" s="15">
        <v>100</v>
      </c>
      <c r="E23" s="16">
        <v>72.400000000000006</v>
      </c>
      <c r="F23" s="17">
        <v>21.5</v>
      </c>
      <c r="G23" s="18">
        <v>6.1</v>
      </c>
    </row>
    <row r="24" spans="2:7" x14ac:dyDescent="0.2">
      <c r="B24" s="29"/>
      <c r="C24" s="2" t="s">
        <v>23</v>
      </c>
      <c r="D24" s="19">
        <v>563</v>
      </c>
      <c r="E24" s="20">
        <v>379</v>
      </c>
      <c r="F24" s="21">
        <v>156</v>
      </c>
      <c r="G24" s="22">
        <v>28</v>
      </c>
    </row>
    <row r="25" spans="2:7" x14ac:dyDescent="0.2">
      <c r="B25" s="29"/>
      <c r="C25" s="7"/>
      <c r="D25" s="23">
        <v>100</v>
      </c>
      <c r="E25" s="24">
        <v>67.3</v>
      </c>
      <c r="F25" s="25">
        <v>27.7</v>
      </c>
      <c r="G25" s="26">
        <v>5</v>
      </c>
    </row>
    <row r="26" spans="2:7" x14ac:dyDescent="0.2">
      <c r="B26" s="29"/>
      <c r="C26" s="2" t="s">
        <v>22</v>
      </c>
      <c r="D26" s="19">
        <v>607</v>
      </c>
      <c r="E26" s="20">
        <v>473</v>
      </c>
      <c r="F26" s="21">
        <v>98</v>
      </c>
      <c r="G26" s="22">
        <v>36</v>
      </c>
    </row>
    <row r="27" spans="2:7" x14ac:dyDescent="0.2">
      <c r="B27" s="29"/>
      <c r="C27" s="7"/>
      <c r="D27" s="23">
        <v>100</v>
      </c>
      <c r="E27" s="24">
        <v>77.900000000000006</v>
      </c>
      <c r="F27" s="25">
        <v>16.100000000000001</v>
      </c>
      <c r="G27" s="26">
        <v>5.9</v>
      </c>
    </row>
    <row r="28" spans="2:7" x14ac:dyDescent="0.2">
      <c r="B28" s="29"/>
      <c r="C28" s="2" t="s">
        <v>13</v>
      </c>
      <c r="D28" s="19">
        <v>71</v>
      </c>
      <c r="E28" s="20">
        <v>46</v>
      </c>
      <c r="F28" s="21">
        <v>13</v>
      </c>
      <c r="G28" s="22">
        <v>12</v>
      </c>
    </row>
    <row r="29" spans="2:7" x14ac:dyDescent="0.2">
      <c r="B29" s="30"/>
      <c r="C29" s="10"/>
      <c r="D29" s="15">
        <v>100</v>
      </c>
      <c r="E29" s="16">
        <v>64.8</v>
      </c>
      <c r="F29" s="17">
        <v>18.3</v>
      </c>
      <c r="G29" s="18">
        <v>16.899999999999999</v>
      </c>
    </row>
    <row r="30" spans="2:7" x14ac:dyDescent="0.2">
      <c r="B30" s="28" t="s">
        <v>34</v>
      </c>
      <c r="C30" s="9" t="s">
        <v>12</v>
      </c>
      <c r="D30" s="11">
        <v>1241</v>
      </c>
      <c r="E30" s="12">
        <v>898</v>
      </c>
      <c r="F30" s="13">
        <v>267</v>
      </c>
      <c r="G30" s="14">
        <v>76</v>
      </c>
    </row>
    <row r="31" spans="2:7" x14ac:dyDescent="0.2">
      <c r="B31" s="29"/>
      <c r="C31" s="8"/>
      <c r="D31" s="15">
        <v>100</v>
      </c>
      <c r="E31" s="16">
        <v>72.400000000000006</v>
      </c>
      <c r="F31" s="17">
        <v>21.5</v>
      </c>
      <c r="G31" s="18">
        <v>6.1</v>
      </c>
    </row>
    <row r="32" spans="2:7" x14ac:dyDescent="0.2">
      <c r="B32" s="29"/>
      <c r="C32" s="2" t="s">
        <v>93</v>
      </c>
      <c r="D32" s="19">
        <v>3</v>
      </c>
      <c r="E32" s="20">
        <v>2</v>
      </c>
      <c r="F32" s="21">
        <v>1</v>
      </c>
      <c r="G32" s="22" t="s">
        <v>152</v>
      </c>
    </row>
    <row r="33" spans="2:7" x14ac:dyDescent="0.2">
      <c r="B33" s="29"/>
      <c r="C33" s="7"/>
      <c r="D33" s="23">
        <v>100</v>
      </c>
      <c r="E33" s="24">
        <v>66.7</v>
      </c>
      <c r="F33" s="25">
        <v>33.299999999999997</v>
      </c>
      <c r="G33" s="26" t="s">
        <v>152</v>
      </c>
    </row>
    <row r="34" spans="2:7" x14ac:dyDescent="0.2">
      <c r="B34" s="29"/>
      <c r="C34" s="2" t="s">
        <v>94</v>
      </c>
      <c r="D34" s="19">
        <v>51</v>
      </c>
      <c r="E34" s="20">
        <v>42</v>
      </c>
      <c r="F34" s="21">
        <v>9</v>
      </c>
      <c r="G34" s="22" t="s">
        <v>152</v>
      </c>
    </row>
    <row r="35" spans="2:7" x14ac:dyDescent="0.2">
      <c r="B35" s="29"/>
      <c r="C35" s="7"/>
      <c r="D35" s="23">
        <v>100</v>
      </c>
      <c r="E35" s="24">
        <v>82.4</v>
      </c>
      <c r="F35" s="25">
        <v>17.600000000000001</v>
      </c>
      <c r="G35" s="26" t="s">
        <v>152</v>
      </c>
    </row>
    <row r="36" spans="2:7" x14ac:dyDescent="0.2">
      <c r="B36" s="29"/>
      <c r="C36" s="2" t="s">
        <v>147</v>
      </c>
      <c r="D36" s="19">
        <v>54</v>
      </c>
      <c r="E36" s="20">
        <v>44</v>
      </c>
      <c r="F36" s="21">
        <v>10</v>
      </c>
      <c r="G36" s="22" t="s">
        <v>152</v>
      </c>
    </row>
    <row r="37" spans="2:7" x14ac:dyDescent="0.2">
      <c r="B37" s="29"/>
      <c r="C37" s="7"/>
      <c r="D37" s="23">
        <v>100</v>
      </c>
      <c r="E37" s="24">
        <v>81.481481481481481</v>
      </c>
      <c r="F37" s="25">
        <v>18.518518518518519</v>
      </c>
      <c r="G37" s="26" t="s">
        <v>152</v>
      </c>
    </row>
    <row r="38" spans="2:7" x14ac:dyDescent="0.2">
      <c r="B38" s="29"/>
      <c r="C38" s="2" t="s">
        <v>95</v>
      </c>
      <c r="D38" s="19">
        <v>116</v>
      </c>
      <c r="E38" s="20">
        <v>77</v>
      </c>
      <c r="F38" s="21">
        <v>37</v>
      </c>
      <c r="G38" s="22">
        <v>2</v>
      </c>
    </row>
    <row r="39" spans="2:7" x14ac:dyDescent="0.2">
      <c r="B39" s="29"/>
      <c r="C39" s="7"/>
      <c r="D39" s="23">
        <v>100</v>
      </c>
      <c r="E39" s="24">
        <v>66.400000000000006</v>
      </c>
      <c r="F39" s="25">
        <v>31.9</v>
      </c>
      <c r="G39" s="26">
        <v>1.7</v>
      </c>
    </row>
    <row r="40" spans="2:7" x14ac:dyDescent="0.2">
      <c r="B40" s="29"/>
      <c r="C40" s="2" t="s">
        <v>96</v>
      </c>
      <c r="D40" s="19">
        <v>200</v>
      </c>
      <c r="E40" s="20">
        <v>148</v>
      </c>
      <c r="F40" s="21">
        <v>41</v>
      </c>
      <c r="G40" s="22">
        <v>11</v>
      </c>
    </row>
    <row r="41" spans="2:7" x14ac:dyDescent="0.2">
      <c r="B41" s="29"/>
      <c r="C41" s="7"/>
      <c r="D41" s="23">
        <v>100</v>
      </c>
      <c r="E41" s="24">
        <v>74</v>
      </c>
      <c r="F41" s="25">
        <v>20.5</v>
      </c>
      <c r="G41" s="26">
        <v>5.5</v>
      </c>
    </row>
    <row r="42" spans="2:7" x14ac:dyDescent="0.2">
      <c r="B42" s="29"/>
      <c r="C42" s="2" t="s">
        <v>97</v>
      </c>
      <c r="D42" s="19">
        <v>289</v>
      </c>
      <c r="E42" s="20">
        <v>217</v>
      </c>
      <c r="F42" s="21">
        <v>64</v>
      </c>
      <c r="G42" s="22">
        <v>8</v>
      </c>
    </row>
    <row r="43" spans="2:7" x14ac:dyDescent="0.2">
      <c r="B43" s="29"/>
      <c r="C43" s="7"/>
      <c r="D43" s="23">
        <v>100</v>
      </c>
      <c r="E43" s="24">
        <v>75.099999999999994</v>
      </c>
      <c r="F43" s="25">
        <v>22.1</v>
      </c>
      <c r="G43" s="26">
        <v>2.8</v>
      </c>
    </row>
    <row r="44" spans="2:7" x14ac:dyDescent="0.2">
      <c r="B44" s="29"/>
      <c r="C44" s="2" t="s">
        <v>98</v>
      </c>
      <c r="D44" s="19">
        <v>247</v>
      </c>
      <c r="E44" s="20">
        <v>177</v>
      </c>
      <c r="F44" s="21">
        <v>54</v>
      </c>
      <c r="G44" s="22">
        <v>16</v>
      </c>
    </row>
    <row r="45" spans="2:7" x14ac:dyDescent="0.2">
      <c r="B45" s="29"/>
      <c r="C45" s="7"/>
      <c r="D45" s="23">
        <v>100</v>
      </c>
      <c r="E45" s="24">
        <v>71.7</v>
      </c>
      <c r="F45" s="25">
        <v>21.9</v>
      </c>
      <c r="G45" s="26">
        <v>6.5</v>
      </c>
    </row>
    <row r="46" spans="2:7" x14ac:dyDescent="0.2">
      <c r="B46" s="29"/>
      <c r="C46" s="2" t="s">
        <v>99</v>
      </c>
      <c r="D46" s="19">
        <v>125</v>
      </c>
      <c r="E46" s="20">
        <v>90</v>
      </c>
      <c r="F46" s="21">
        <v>24</v>
      </c>
      <c r="G46" s="22">
        <v>11</v>
      </c>
    </row>
    <row r="47" spans="2:7" x14ac:dyDescent="0.2">
      <c r="B47" s="29"/>
      <c r="C47" s="7"/>
      <c r="D47" s="23">
        <v>100</v>
      </c>
      <c r="E47" s="24">
        <v>72</v>
      </c>
      <c r="F47" s="25">
        <v>19.2</v>
      </c>
      <c r="G47" s="26">
        <v>8.8000000000000007</v>
      </c>
    </row>
    <row r="48" spans="2:7" x14ac:dyDescent="0.2">
      <c r="B48" s="29"/>
      <c r="C48" s="2" t="s">
        <v>100</v>
      </c>
      <c r="D48" s="19">
        <v>150</v>
      </c>
      <c r="E48" s="20">
        <v>109</v>
      </c>
      <c r="F48" s="21">
        <v>27</v>
      </c>
      <c r="G48" s="22">
        <v>14</v>
      </c>
    </row>
    <row r="49" spans="2:7" x14ac:dyDescent="0.2">
      <c r="B49" s="29"/>
      <c r="C49" s="7"/>
      <c r="D49" s="23">
        <v>100</v>
      </c>
      <c r="E49" s="24">
        <v>72.7</v>
      </c>
      <c r="F49" s="25">
        <v>18</v>
      </c>
      <c r="G49" s="26">
        <v>9.3000000000000007</v>
      </c>
    </row>
    <row r="50" spans="2:7" x14ac:dyDescent="0.2">
      <c r="B50" s="29"/>
      <c r="C50" s="2" t="s">
        <v>101</v>
      </c>
      <c r="D50" s="19">
        <v>60</v>
      </c>
      <c r="E50" s="20">
        <v>36</v>
      </c>
      <c r="F50" s="21">
        <v>10</v>
      </c>
      <c r="G50" s="22">
        <v>14</v>
      </c>
    </row>
    <row r="51" spans="2:7" x14ac:dyDescent="0.2">
      <c r="B51" s="29"/>
      <c r="C51" s="10"/>
      <c r="D51" s="23">
        <v>100</v>
      </c>
      <c r="E51" s="24">
        <v>60</v>
      </c>
      <c r="F51" s="25">
        <v>16.7</v>
      </c>
      <c r="G51" s="26">
        <v>23.3</v>
      </c>
    </row>
    <row r="52" spans="2:7" x14ac:dyDescent="0.2">
      <c r="B52" s="28" t="s">
        <v>33</v>
      </c>
      <c r="C52" s="9" t="s">
        <v>12</v>
      </c>
      <c r="D52" s="11">
        <v>1241</v>
      </c>
      <c r="E52" s="12">
        <v>898</v>
      </c>
      <c r="F52" s="13">
        <v>267</v>
      </c>
      <c r="G52" s="14">
        <v>76</v>
      </c>
    </row>
    <row r="53" spans="2:7" x14ac:dyDescent="0.2">
      <c r="B53" s="29"/>
      <c r="C53" s="8"/>
      <c r="D53" s="15">
        <v>100</v>
      </c>
      <c r="E53" s="16">
        <v>72.400000000000006</v>
      </c>
      <c r="F53" s="17">
        <v>21.5</v>
      </c>
      <c r="G53" s="18">
        <v>6.1</v>
      </c>
    </row>
    <row r="54" spans="2:7" x14ac:dyDescent="0.2">
      <c r="B54" s="29"/>
      <c r="C54" s="2" t="s">
        <v>57</v>
      </c>
      <c r="D54" s="19">
        <v>2</v>
      </c>
      <c r="E54" s="20">
        <v>1</v>
      </c>
      <c r="F54" s="21">
        <v>1</v>
      </c>
      <c r="G54" s="22" t="s">
        <v>152</v>
      </c>
    </row>
    <row r="55" spans="2:7" x14ac:dyDescent="0.2">
      <c r="B55" s="29"/>
      <c r="C55" s="7"/>
      <c r="D55" s="23">
        <v>100</v>
      </c>
      <c r="E55" s="24">
        <v>50</v>
      </c>
      <c r="F55" s="25">
        <v>50</v>
      </c>
      <c r="G55" s="26" t="s">
        <v>152</v>
      </c>
    </row>
    <row r="56" spans="2:7" x14ac:dyDescent="0.2">
      <c r="B56" s="29"/>
      <c r="C56" s="2" t="s">
        <v>63</v>
      </c>
      <c r="D56" s="19">
        <v>20</v>
      </c>
      <c r="E56" s="20">
        <v>14</v>
      </c>
      <c r="F56" s="21">
        <v>6</v>
      </c>
      <c r="G56" s="22" t="s">
        <v>152</v>
      </c>
    </row>
    <row r="57" spans="2:7" x14ac:dyDescent="0.2">
      <c r="B57" s="29"/>
      <c r="C57" s="7"/>
      <c r="D57" s="23">
        <v>100</v>
      </c>
      <c r="E57" s="24">
        <v>70</v>
      </c>
      <c r="F57" s="25">
        <v>30</v>
      </c>
      <c r="G57" s="26" t="s">
        <v>152</v>
      </c>
    </row>
    <row r="58" spans="2:7" x14ac:dyDescent="0.2">
      <c r="B58" s="29"/>
      <c r="C58" s="2" t="s">
        <v>148</v>
      </c>
      <c r="D58" s="19">
        <v>22</v>
      </c>
      <c r="E58" s="20">
        <v>15</v>
      </c>
      <c r="F58" s="21">
        <v>7</v>
      </c>
      <c r="G58" s="22" t="s">
        <v>152</v>
      </c>
    </row>
    <row r="59" spans="2:7" x14ac:dyDescent="0.2">
      <c r="B59" s="29"/>
      <c r="C59" s="7"/>
      <c r="D59" s="23">
        <v>100</v>
      </c>
      <c r="E59" s="24">
        <v>68.181818181818173</v>
      </c>
      <c r="F59" s="25">
        <v>31.818181818181817</v>
      </c>
      <c r="G59" s="26" t="s">
        <v>152</v>
      </c>
    </row>
    <row r="60" spans="2:7" x14ac:dyDescent="0.2">
      <c r="B60" s="29"/>
      <c r="C60" s="2" t="s">
        <v>64</v>
      </c>
      <c r="D60" s="19">
        <v>51</v>
      </c>
      <c r="E60" s="20">
        <v>28</v>
      </c>
      <c r="F60" s="21">
        <v>22</v>
      </c>
      <c r="G60" s="22">
        <v>1</v>
      </c>
    </row>
    <row r="61" spans="2:7" x14ac:dyDescent="0.2">
      <c r="B61" s="29"/>
      <c r="C61" s="7"/>
      <c r="D61" s="23">
        <v>100</v>
      </c>
      <c r="E61" s="24">
        <v>54.9</v>
      </c>
      <c r="F61" s="25">
        <v>43.1</v>
      </c>
      <c r="G61" s="26">
        <v>2</v>
      </c>
    </row>
    <row r="62" spans="2:7" x14ac:dyDescent="0.2">
      <c r="B62" s="29"/>
      <c r="C62" s="2" t="s">
        <v>65</v>
      </c>
      <c r="D62" s="19">
        <v>88</v>
      </c>
      <c r="E62" s="20">
        <v>59</v>
      </c>
      <c r="F62" s="21">
        <v>26</v>
      </c>
      <c r="G62" s="22">
        <v>3</v>
      </c>
    </row>
    <row r="63" spans="2:7" x14ac:dyDescent="0.2">
      <c r="B63" s="29"/>
      <c r="C63" s="7"/>
      <c r="D63" s="23">
        <v>100</v>
      </c>
      <c r="E63" s="24">
        <v>67</v>
      </c>
      <c r="F63" s="25">
        <v>29.5</v>
      </c>
      <c r="G63" s="26">
        <v>3.4</v>
      </c>
    </row>
    <row r="64" spans="2:7" x14ac:dyDescent="0.2">
      <c r="B64" s="29"/>
      <c r="C64" s="2" t="s">
        <v>66</v>
      </c>
      <c r="D64" s="19">
        <v>146</v>
      </c>
      <c r="E64" s="20">
        <v>105</v>
      </c>
      <c r="F64" s="21">
        <v>37</v>
      </c>
      <c r="G64" s="22">
        <v>4</v>
      </c>
    </row>
    <row r="65" spans="2:7" x14ac:dyDescent="0.2">
      <c r="B65" s="29"/>
      <c r="C65" s="7"/>
      <c r="D65" s="23">
        <v>100</v>
      </c>
      <c r="E65" s="24">
        <v>71.900000000000006</v>
      </c>
      <c r="F65" s="25">
        <v>25.3</v>
      </c>
      <c r="G65" s="26">
        <v>2.7</v>
      </c>
    </row>
    <row r="66" spans="2:7" x14ac:dyDescent="0.2">
      <c r="B66" s="29"/>
      <c r="C66" s="2" t="s">
        <v>67</v>
      </c>
      <c r="D66" s="19">
        <v>133</v>
      </c>
      <c r="E66" s="20">
        <v>85</v>
      </c>
      <c r="F66" s="21">
        <v>40</v>
      </c>
      <c r="G66" s="22">
        <v>8</v>
      </c>
    </row>
    <row r="67" spans="2:7" x14ac:dyDescent="0.2">
      <c r="B67" s="29"/>
      <c r="C67" s="7"/>
      <c r="D67" s="23">
        <v>100</v>
      </c>
      <c r="E67" s="24">
        <v>63.9</v>
      </c>
      <c r="F67" s="25">
        <v>30.1</v>
      </c>
      <c r="G67" s="26">
        <v>6</v>
      </c>
    </row>
    <row r="68" spans="2:7" x14ac:dyDescent="0.2">
      <c r="B68" s="29"/>
      <c r="C68" s="2" t="s">
        <v>58</v>
      </c>
      <c r="D68" s="19">
        <v>57</v>
      </c>
      <c r="E68" s="20">
        <v>42</v>
      </c>
      <c r="F68" s="21">
        <v>11</v>
      </c>
      <c r="G68" s="22">
        <v>4</v>
      </c>
    </row>
    <row r="69" spans="2:7" x14ac:dyDescent="0.2">
      <c r="B69" s="29"/>
      <c r="C69" s="7"/>
      <c r="D69" s="23">
        <v>100</v>
      </c>
      <c r="E69" s="24">
        <v>73.7</v>
      </c>
      <c r="F69" s="25">
        <v>19.3</v>
      </c>
      <c r="G69" s="26">
        <v>7</v>
      </c>
    </row>
    <row r="70" spans="2:7" x14ac:dyDescent="0.2">
      <c r="B70" s="29"/>
      <c r="C70" s="2" t="s">
        <v>68</v>
      </c>
      <c r="D70" s="19">
        <v>65</v>
      </c>
      <c r="E70" s="20">
        <v>45</v>
      </c>
      <c r="F70" s="21">
        <v>13</v>
      </c>
      <c r="G70" s="22">
        <v>7</v>
      </c>
    </row>
    <row r="71" spans="2:7" x14ac:dyDescent="0.2">
      <c r="B71" s="29"/>
      <c r="C71" s="7"/>
      <c r="D71" s="23">
        <v>100</v>
      </c>
      <c r="E71" s="24">
        <v>69.2</v>
      </c>
      <c r="F71" s="25">
        <v>20</v>
      </c>
      <c r="G71" s="26">
        <v>10.8</v>
      </c>
    </row>
    <row r="72" spans="2:7" x14ac:dyDescent="0.2">
      <c r="B72" s="29"/>
      <c r="C72" s="2" t="s">
        <v>59</v>
      </c>
      <c r="D72" s="19">
        <v>1</v>
      </c>
      <c r="E72" s="20">
        <v>1</v>
      </c>
      <c r="F72" s="21" t="s">
        <v>152</v>
      </c>
      <c r="G72" s="22" t="s">
        <v>152</v>
      </c>
    </row>
    <row r="73" spans="2:7" x14ac:dyDescent="0.2">
      <c r="B73" s="29"/>
      <c r="C73" s="7"/>
      <c r="D73" s="23">
        <v>100</v>
      </c>
      <c r="E73" s="24">
        <v>100</v>
      </c>
      <c r="F73" s="25" t="s">
        <v>152</v>
      </c>
      <c r="G73" s="26" t="s">
        <v>152</v>
      </c>
    </row>
    <row r="74" spans="2:7" x14ac:dyDescent="0.2">
      <c r="B74" s="29"/>
      <c r="C74" s="2" t="s">
        <v>69</v>
      </c>
      <c r="D74" s="19">
        <v>29</v>
      </c>
      <c r="E74" s="20">
        <v>26</v>
      </c>
      <c r="F74" s="21">
        <v>3</v>
      </c>
      <c r="G74" s="22" t="s">
        <v>152</v>
      </c>
    </row>
    <row r="75" spans="2:7" x14ac:dyDescent="0.2">
      <c r="B75" s="29"/>
      <c r="C75" s="7"/>
      <c r="D75" s="23">
        <v>100</v>
      </c>
      <c r="E75" s="24">
        <v>89.7</v>
      </c>
      <c r="F75" s="25">
        <v>10.3</v>
      </c>
      <c r="G75" s="26" t="s">
        <v>152</v>
      </c>
    </row>
    <row r="76" spans="2:7" x14ac:dyDescent="0.2">
      <c r="B76" s="29"/>
      <c r="C76" s="2" t="s">
        <v>149</v>
      </c>
      <c r="D76" s="19">
        <v>30</v>
      </c>
      <c r="E76" s="20">
        <v>27</v>
      </c>
      <c r="F76" s="21">
        <v>3</v>
      </c>
      <c r="G76" s="22" t="s">
        <v>152</v>
      </c>
    </row>
    <row r="77" spans="2:7" x14ac:dyDescent="0.2">
      <c r="B77" s="29"/>
      <c r="C77" s="7"/>
      <c r="D77" s="23">
        <v>100</v>
      </c>
      <c r="E77" s="24">
        <v>90</v>
      </c>
      <c r="F77" s="25">
        <v>10</v>
      </c>
      <c r="G77" s="26" t="s">
        <v>152</v>
      </c>
    </row>
    <row r="78" spans="2:7" x14ac:dyDescent="0.2">
      <c r="B78" s="29"/>
      <c r="C78" s="2" t="s">
        <v>70</v>
      </c>
      <c r="D78" s="19">
        <v>64</v>
      </c>
      <c r="E78" s="20">
        <v>48</v>
      </c>
      <c r="F78" s="21">
        <v>15</v>
      </c>
      <c r="G78" s="22">
        <v>1</v>
      </c>
    </row>
    <row r="79" spans="2:7" x14ac:dyDescent="0.2">
      <c r="B79" s="29"/>
      <c r="C79" s="7"/>
      <c r="D79" s="23">
        <v>100</v>
      </c>
      <c r="E79" s="24">
        <v>75</v>
      </c>
      <c r="F79" s="25">
        <v>23.4</v>
      </c>
      <c r="G79" s="26">
        <v>1.6</v>
      </c>
    </row>
    <row r="80" spans="2:7" x14ac:dyDescent="0.2">
      <c r="B80" s="29"/>
      <c r="C80" s="2" t="s">
        <v>71</v>
      </c>
      <c r="D80" s="19">
        <v>112</v>
      </c>
      <c r="E80" s="20">
        <v>89</v>
      </c>
      <c r="F80" s="21">
        <v>15</v>
      </c>
      <c r="G80" s="22">
        <v>8</v>
      </c>
    </row>
    <row r="81" spans="2:7" x14ac:dyDescent="0.2">
      <c r="B81" s="29"/>
      <c r="C81" s="7"/>
      <c r="D81" s="23">
        <v>100</v>
      </c>
      <c r="E81" s="24">
        <v>79.5</v>
      </c>
      <c r="F81" s="25">
        <v>13.4</v>
      </c>
      <c r="G81" s="26">
        <v>7.1</v>
      </c>
    </row>
    <row r="82" spans="2:7" x14ac:dyDescent="0.2">
      <c r="B82" s="29"/>
      <c r="C82" s="2" t="s">
        <v>72</v>
      </c>
      <c r="D82" s="19">
        <v>137</v>
      </c>
      <c r="E82" s="20">
        <v>107</v>
      </c>
      <c r="F82" s="21">
        <v>26</v>
      </c>
      <c r="G82" s="22">
        <v>4</v>
      </c>
    </row>
    <row r="83" spans="2:7" x14ac:dyDescent="0.2">
      <c r="B83" s="29"/>
      <c r="C83" s="7"/>
      <c r="D83" s="23">
        <v>100</v>
      </c>
      <c r="E83" s="24">
        <v>78.099999999999994</v>
      </c>
      <c r="F83" s="25">
        <v>19</v>
      </c>
      <c r="G83" s="26">
        <v>2.9</v>
      </c>
    </row>
    <row r="84" spans="2:7" x14ac:dyDescent="0.2">
      <c r="B84" s="29"/>
      <c r="C84" s="2" t="s">
        <v>73</v>
      </c>
      <c r="D84" s="19">
        <v>112</v>
      </c>
      <c r="E84" s="20">
        <v>90</v>
      </c>
      <c r="F84" s="21">
        <v>14</v>
      </c>
      <c r="G84" s="22">
        <v>8</v>
      </c>
    </row>
    <row r="85" spans="2:7" x14ac:dyDescent="0.2">
      <c r="B85" s="29"/>
      <c r="C85" s="7"/>
      <c r="D85" s="23">
        <v>100</v>
      </c>
      <c r="E85" s="24">
        <v>80.400000000000006</v>
      </c>
      <c r="F85" s="25">
        <v>12.5</v>
      </c>
      <c r="G85" s="26">
        <v>7.1</v>
      </c>
    </row>
    <row r="86" spans="2:7" x14ac:dyDescent="0.2">
      <c r="B86" s="29"/>
      <c r="C86" s="2" t="s">
        <v>60</v>
      </c>
      <c r="D86" s="19">
        <v>66</v>
      </c>
      <c r="E86" s="20">
        <v>48</v>
      </c>
      <c r="F86" s="21">
        <v>11</v>
      </c>
      <c r="G86" s="22">
        <v>7</v>
      </c>
    </row>
    <row r="87" spans="2:7" x14ac:dyDescent="0.2">
      <c r="B87" s="29"/>
      <c r="C87" s="7"/>
      <c r="D87" s="23">
        <v>100</v>
      </c>
      <c r="E87" s="24">
        <v>72.7</v>
      </c>
      <c r="F87" s="25">
        <v>16.7</v>
      </c>
      <c r="G87" s="26">
        <v>10.6</v>
      </c>
    </row>
    <row r="88" spans="2:7" x14ac:dyDescent="0.2">
      <c r="B88" s="29"/>
      <c r="C88" s="2" t="s">
        <v>74</v>
      </c>
      <c r="D88" s="19">
        <v>83</v>
      </c>
      <c r="E88" s="20">
        <v>62</v>
      </c>
      <c r="F88" s="21">
        <v>14</v>
      </c>
      <c r="G88" s="22">
        <v>7</v>
      </c>
    </row>
    <row r="89" spans="2:7" x14ac:dyDescent="0.2">
      <c r="B89" s="29"/>
      <c r="C89" s="7"/>
      <c r="D89" s="23">
        <v>100</v>
      </c>
      <c r="E89" s="24">
        <v>74.7</v>
      </c>
      <c r="F89" s="25">
        <v>16.899999999999999</v>
      </c>
      <c r="G89" s="26">
        <v>8.4</v>
      </c>
    </row>
    <row r="90" spans="2:7" x14ac:dyDescent="0.2">
      <c r="B90" s="29"/>
      <c r="C90" s="2" t="s">
        <v>0</v>
      </c>
      <c r="D90" s="19">
        <v>75</v>
      </c>
      <c r="E90" s="20">
        <v>48</v>
      </c>
      <c r="F90" s="21">
        <v>13</v>
      </c>
      <c r="G90" s="22">
        <v>14</v>
      </c>
    </row>
    <row r="91" spans="2:7" x14ac:dyDescent="0.2">
      <c r="B91" s="29"/>
      <c r="C91" s="7"/>
      <c r="D91" s="23">
        <v>100</v>
      </c>
      <c r="E91" s="24">
        <v>64</v>
      </c>
      <c r="F91" s="25">
        <v>17.3</v>
      </c>
      <c r="G91" s="26">
        <v>18.7</v>
      </c>
    </row>
    <row r="92" spans="2:7" x14ac:dyDescent="0.2">
      <c r="B92" s="28" t="s">
        <v>32</v>
      </c>
      <c r="C92" s="9" t="s">
        <v>12</v>
      </c>
      <c r="D92" s="11">
        <v>1241</v>
      </c>
      <c r="E92" s="12">
        <v>898</v>
      </c>
      <c r="F92" s="13">
        <v>267</v>
      </c>
      <c r="G92" s="14">
        <v>76</v>
      </c>
    </row>
    <row r="93" spans="2:7" x14ac:dyDescent="0.2">
      <c r="B93" s="29"/>
      <c r="C93" s="8"/>
      <c r="D93" s="15">
        <v>100</v>
      </c>
      <c r="E93" s="16">
        <v>72.400000000000006</v>
      </c>
      <c r="F93" s="17">
        <v>21.5</v>
      </c>
      <c r="G93" s="18">
        <v>6.1</v>
      </c>
    </row>
    <row r="94" spans="2:7" x14ac:dyDescent="0.2">
      <c r="B94" s="29"/>
      <c r="C94" s="2" t="s">
        <v>21</v>
      </c>
      <c r="D94" s="19">
        <v>65</v>
      </c>
      <c r="E94" s="20">
        <v>47</v>
      </c>
      <c r="F94" s="21">
        <v>14</v>
      </c>
      <c r="G94" s="22">
        <v>4</v>
      </c>
    </row>
    <row r="95" spans="2:7" x14ac:dyDescent="0.2">
      <c r="B95" s="29"/>
      <c r="C95" s="7"/>
      <c r="D95" s="23">
        <v>100</v>
      </c>
      <c r="E95" s="24">
        <v>72.3</v>
      </c>
      <c r="F95" s="25">
        <v>21.5</v>
      </c>
      <c r="G95" s="26">
        <v>6.2</v>
      </c>
    </row>
    <row r="96" spans="2:7" x14ac:dyDescent="0.2">
      <c r="B96" s="29"/>
      <c r="C96" s="2" t="s">
        <v>20</v>
      </c>
      <c r="D96" s="19">
        <v>7</v>
      </c>
      <c r="E96" s="20">
        <v>4</v>
      </c>
      <c r="F96" s="21">
        <v>3</v>
      </c>
      <c r="G96" s="22" t="s">
        <v>152</v>
      </c>
    </row>
    <row r="97" spans="2:7" x14ac:dyDescent="0.2">
      <c r="B97" s="29"/>
      <c r="C97" s="7"/>
      <c r="D97" s="23">
        <v>100</v>
      </c>
      <c r="E97" s="24">
        <v>57.1</v>
      </c>
      <c r="F97" s="25">
        <v>42.9</v>
      </c>
      <c r="G97" s="26" t="s">
        <v>152</v>
      </c>
    </row>
    <row r="98" spans="2:7" x14ac:dyDescent="0.2">
      <c r="B98" s="29"/>
      <c r="C98" s="2" t="s">
        <v>19</v>
      </c>
      <c r="D98" s="19">
        <v>484</v>
      </c>
      <c r="E98" s="20">
        <v>339</v>
      </c>
      <c r="F98" s="21">
        <v>130</v>
      </c>
      <c r="G98" s="22">
        <v>15</v>
      </c>
    </row>
    <row r="99" spans="2:7" x14ac:dyDescent="0.2">
      <c r="B99" s="29"/>
      <c r="C99" s="7"/>
      <c r="D99" s="23">
        <v>100</v>
      </c>
      <c r="E99" s="24">
        <v>70</v>
      </c>
      <c r="F99" s="25">
        <v>26.9</v>
      </c>
      <c r="G99" s="26">
        <v>3.1</v>
      </c>
    </row>
    <row r="100" spans="2:7" x14ac:dyDescent="0.2">
      <c r="B100" s="29"/>
      <c r="C100" s="2" t="s">
        <v>18</v>
      </c>
      <c r="D100" s="19">
        <v>195</v>
      </c>
      <c r="E100" s="20">
        <v>143</v>
      </c>
      <c r="F100" s="21">
        <v>40</v>
      </c>
      <c r="G100" s="22">
        <v>12</v>
      </c>
    </row>
    <row r="101" spans="2:7" x14ac:dyDescent="0.2">
      <c r="B101" s="29"/>
      <c r="C101" s="7"/>
      <c r="D101" s="23">
        <v>100</v>
      </c>
      <c r="E101" s="24">
        <v>73.3</v>
      </c>
      <c r="F101" s="25">
        <v>20.5</v>
      </c>
      <c r="G101" s="26">
        <v>6.2</v>
      </c>
    </row>
    <row r="102" spans="2:7" x14ac:dyDescent="0.2">
      <c r="B102" s="29"/>
      <c r="C102" s="2" t="s">
        <v>17</v>
      </c>
      <c r="D102" s="19">
        <v>1</v>
      </c>
      <c r="E102" s="20">
        <v>1</v>
      </c>
      <c r="F102" s="21" t="s">
        <v>152</v>
      </c>
      <c r="G102" s="22" t="s">
        <v>152</v>
      </c>
    </row>
    <row r="103" spans="2:7" x14ac:dyDescent="0.2">
      <c r="B103" s="29"/>
      <c r="C103" s="7"/>
      <c r="D103" s="23">
        <v>100</v>
      </c>
      <c r="E103" s="24">
        <v>100</v>
      </c>
      <c r="F103" s="25" t="s">
        <v>152</v>
      </c>
      <c r="G103" s="26" t="s">
        <v>152</v>
      </c>
    </row>
    <row r="104" spans="2:7" x14ac:dyDescent="0.2">
      <c r="B104" s="29"/>
      <c r="C104" s="2" t="s">
        <v>151</v>
      </c>
      <c r="D104" s="19">
        <v>178</v>
      </c>
      <c r="E104" s="20">
        <v>142</v>
      </c>
      <c r="F104" s="21">
        <v>24</v>
      </c>
      <c r="G104" s="22">
        <v>12</v>
      </c>
    </row>
    <row r="105" spans="2:7" x14ac:dyDescent="0.2">
      <c r="B105" s="29"/>
      <c r="C105" s="7"/>
      <c r="D105" s="23">
        <v>100</v>
      </c>
      <c r="E105" s="24">
        <v>79.8</v>
      </c>
      <c r="F105" s="25">
        <v>13.5</v>
      </c>
      <c r="G105" s="26">
        <v>6.7</v>
      </c>
    </row>
    <row r="106" spans="2:7" x14ac:dyDescent="0.2">
      <c r="B106" s="29"/>
      <c r="C106" s="2" t="s">
        <v>16</v>
      </c>
      <c r="D106" s="19">
        <v>10</v>
      </c>
      <c r="E106" s="20">
        <v>9</v>
      </c>
      <c r="F106" s="21">
        <v>1</v>
      </c>
      <c r="G106" s="22" t="s">
        <v>152</v>
      </c>
    </row>
    <row r="107" spans="2:7" x14ac:dyDescent="0.2">
      <c r="B107" s="29"/>
      <c r="C107" s="7"/>
      <c r="D107" s="23">
        <v>100</v>
      </c>
      <c r="E107" s="24">
        <v>90</v>
      </c>
      <c r="F107" s="25">
        <v>10</v>
      </c>
      <c r="G107" s="26" t="s">
        <v>152</v>
      </c>
    </row>
    <row r="108" spans="2:7" x14ac:dyDescent="0.2">
      <c r="B108" s="29"/>
      <c r="C108" s="2" t="s">
        <v>15</v>
      </c>
      <c r="D108" s="19">
        <v>211</v>
      </c>
      <c r="E108" s="20">
        <v>158</v>
      </c>
      <c r="F108" s="21">
        <v>39</v>
      </c>
      <c r="G108" s="22">
        <v>14</v>
      </c>
    </row>
    <row r="109" spans="2:7" x14ac:dyDescent="0.2">
      <c r="B109" s="29"/>
      <c r="C109" s="7"/>
      <c r="D109" s="23">
        <v>100</v>
      </c>
      <c r="E109" s="24">
        <v>74.900000000000006</v>
      </c>
      <c r="F109" s="25">
        <v>18.5</v>
      </c>
      <c r="G109" s="26">
        <v>6.6</v>
      </c>
    </row>
    <row r="110" spans="2:7" x14ac:dyDescent="0.2">
      <c r="B110" s="29"/>
      <c r="C110" s="2" t="s">
        <v>14</v>
      </c>
      <c r="D110" s="19">
        <v>12</v>
      </c>
      <c r="E110" s="20">
        <v>6</v>
      </c>
      <c r="F110" s="21">
        <v>4</v>
      </c>
      <c r="G110" s="22">
        <v>2</v>
      </c>
    </row>
    <row r="111" spans="2:7" x14ac:dyDescent="0.2">
      <c r="B111" s="29"/>
      <c r="C111" s="7"/>
      <c r="D111" s="23">
        <v>100</v>
      </c>
      <c r="E111" s="24">
        <v>50</v>
      </c>
      <c r="F111" s="25">
        <v>33.299999999999997</v>
      </c>
      <c r="G111" s="26">
        <v>16.7</v>
      </c>
    </row>
    <row r="112" spans="2:7" x14ac:dyDescent="0.2">
      <c r="B112" s="29"/>
      <c r="C112" s="2" t="s">
        <v>13</v>
      </c>
      <c r="D112" s="19">
        <v>78</v>
      </c>
      <c r="E112" s="20">
        <v>49</v>
      </c>
      <c r="F112" s="21">
        <v>12</v>
      </c>
      <c r="G112" s="22">
        <v>17</v>
      </c>
    </row>
    <row r="113" spans="2:7" x14ac:dyDescent="0.2">
      <c r="B113" s="30"/>
      <c r="C113" s="10"/>
      <c r="D113" s="15">
        <v>100</v>
      </c>
      <c r="E113" s="16">
        <v>62.8</v>
      </c>
      <c r="F113" s="17">
        <v>15.4</v>
      </c>
      <c r="G113" s="18">
        <v>21.8</v>
      </c>
    </row>
    <row r="114" spans="2:7" x14ac:dyDescent="0.2">
      <c r="B114" s="28" t="s">
        <v>31</v>
      </c>
      <c r="C114" s="9" t="s">
        <v>12</v>
      </c>
      <c r="D114" s="11">
        <v>752</v>
      </c>
      <c r="E114" s="12">
        <v>534</v>
      </c>
      <c r="F114" s="13">
        <v>187</v>
      </c>
      <c r="G114" s="14">
        <v>31</v>
      </c>
    </row>
    <row r="115" spans="2:7" x14ac:dyDescent="0.2">
      <c r="B115" s="29"/>
      <c r="C115" s="8"/>
      <c r="D115" s="15">
        <v>100</v>
      </c>
      <c r="E115" s="16">
        <v>71</v>
      </c>
      <c r="F115" s="17">
        <v>24.9</v>
      </c>
      <c r="G115" s="18">
        <v>4.0999999999999996</v>
      </c>
    </row>
    <row r="116" spans="2:7" x14ac:dyDescent="0.2">
      <c r="B116" s="29"/>
      <c r="C116" s="2" t="s">
        <v>11</v>
      </c>
      <c r="D116" s="19">
        <v>2</v>
      </c>
      <c r="E116" s="20">
        <v>1</v>
      </c>
      <c r="F116" s="21">
        <v>1</v>
      </c>
      <c r="G116" s="22" t="s">
        <v>152</v>
      </c>
    </row>
    <row r="117" spans="2:7" x14ac:dyDescent="0.2">
      <c r="B117" s="29"/>
      <c r="C117" s="7"/>
      <c r="D117" s="23">
        <v>100</v>
      </c>
      <c r="E117" s="24">
        <v>50</v>
      </c>
      <c r="F117" s="25">
        <v>50</v>
      </c>
      <c r="G117" s="26" t="s">
        <v>152</v>
      </c>
    </row>
    <row r="118" spans="2:7" x14ac:dyDescent="0.2">
      <c r="B118" s="29"/>
      <c r="C118" s="2" t="s">
        <v>10</v>
      </c>
      <c r="D118" s="19">
        <v>32</v>
      </c>
      <c r="E118" s="20">
        <v>24</v>
      </c>
      <c r="F118" s="21">
        <v>6</v>
      </c>
      <c r="G118" s="22">
        <v>2</v>
      </c>
    </row>
    <row r="119" spans="2:7" x14ac:dyDescent="0.2">
      <c r="B119" s="29"/>
      <c r="C119" s="7"/>
      <c r="D119" s="23">
        <v>100</v>
      </c>
      <c r="E119" s="24">
        <v>75</v>
      </c>
      <c r="F119" s="25">
        <v>18.8</v>
      </c>
      <c r="G119" s="26">
        <v>6.3</v>
      </c>
    </row>
    <row r="120" spans="2:7" x14ac:dyDescent="0.2">
      <c r="B120" s="29"/>
      <c r="C120" s="2" t="s">
        <v>9</v>
      </c>
      <c r="D120" s="19">
        <v>33</v>
      </c>
      <c r="E120" s="20">
        <v>23</v>
      </c>
      <c r="F120" s="21">
        <v>8</v>
      </c>
      <c r="G120" s="22">
        <v>2</v>
      </c>
    </row>
    <row r="121" spans="2:7" x14ac:dyDescent="0.2">
      <c r="B121" s="29"/>
      <c r="C121" s="7"/>
      <c r="D121" s="23">
        <v>100</v>
      </c>
      <c r="E121" s="24">
        <v>69.7</v>
      </c>
      <c r="F121" s="25">
        <v>24.2</v>
      </c>
      <c r="G121" s="26">
        <v>6.1</v>
      </c>
    </row>
    <row r="122" spans="2:7" x14ac:dyDescent="0.2">
      <c r="B122" s="29"/>
      <c r="C122" s="2" t="s">
        <v>8</v>
      </c>
      <c r="D122" s="19">
        <v>71</v>
      </c>
      <c r="E122" s="20">
        <v>48</v>
      </c>
      <c r="F122" s="21">
        <v>22</v>
      </c>
      <c r="G122" s="22">
        <v>1</v>
      </c>
    </row>
    <row r="123" spans="2:7" x14ac:dyDescent="0.2">
      <c r="B123" s="29"/>
      <c r="C123" s="7"/>
      <c r="D123" s="23">
        <v>100</v>
      </c>
      <c r="E123" s="24">
        <v>67.599999999999994</v>
      </c>
      <c r="F123" s="25">
        <v>31</v>
      </c>
      <c r="G123" s="26">
        <v>1.4</v>
      </c>
    </row>
    <row r="124" spans="2:7" x14ac:dyDescent="0.2">
      <c r="B124" s="29"/>
      <c r="C124" s="2" t="s">
        <v>7</v>
      </c>
      <c r="D124" s="19">
        <v>152</v>
      </c>
      <c r="E124" s="20">
        <v>101</v>
      </c>
      <c r="F124" s="21">
        <v>46</v>
      </c>
      <c r="G124" s="22">
        <v>5</v>
      </c>
    </row>
    <row r="125" spans="2:7" x14ac:dyDescent="0.2">
      <c r="B125" s="29"/>
      <c r="C125" s="7"/>
      <c r="D125" s="23">
        <v>100</v>
      </c>
      <c r="E125" s="24">
        <v>66.400000000000006</v>
      </c>
      <c r="F125" s="25">
        <v>30.3</v>
      </c>
      <c r="G125" s="26">
        <v>3.3</v>
      </c>
    </row>
    <row r="126" spans="2:7" x14ac:dyDescent="0.2">
      <c r="B126" s="29"/>
      <c r="C126" s="2" t="s">
        <v>6</v>
      </c>
      <c r="D126" s="19">
        <v>176</v>
      </c>
      <c r="E126" s="20">
        <v>128</v>
      </c>
      <c r="F126" s="21">
        <v>40</v>
      </c>
      <c r="G126" s="22">
        <v>8</v>
      </c>
    </row>
    <row r="127" spans="2:7" x14ac:dyDescent="0.2">
      <c r="B127" s="29"/>
      <c r="C127" s="7"/>
      <c r="D127" s="23">
        <v>100</v>
      </c>
      <c r="E127" s="24">
        <v>72.7</v>
      </c>
      <c r="F127" s="25">
        <v>22.7</v>
      </c>
      <c r="G127" s="26">
        <v>4.5</v>
      </c>
    </row>
    <row r="128" spans="2:7" x14ac:dyDescent="0.2">
      <c r="B128" s="29"/>
      <c r="C128" s="2" t="s">
        <v>5</v>
      </c>
      <c r="D128" s="19">
        <v>37</v>
      </c>
      <c r="E128" s="20">
        <v>31</v>
      </c>
      <c r="F128" s="21">
        <v>5</v>
      </c>
      <c r="G128" s="22">
        <v>1</v>
      </c>
    </row>
    <row r="129" spans="2:7" x14ac:dyDescent="0.2">
      <c r="B129" s="29"/>
      <c r="C129" s="7"/>
      <c r="D129" s="23">
        <v>100</v>
      </c>
      <c r="E129" s="24">
        <v>83.8</v>
      </c>
      <c r="F129" s="25">
        <v>13.5</v>
      </c>
      <c r="G129" s="26">
        <v>2.7</v>
      </c>
    </row>
    <row r="130" spans="2:7" x14ac:dyDescent="0.2">
      <c r="B130" s="29"/>
      <c r="C130" s="2" t="s">
        <v>4</v>
      </c>
      <c r="D130" s="19">
        <v>67</v>
      </c>
      <c r="E130" s="20">
        <v>49</v>
      </c>
      <c r="F130" s="21">
        <v>18</v>
      </c>
      <c r="G130" s="22" t="s">
        <v>152</v>
      </c>
    </row>
    <row r="131" spans="2:7" x14ac:dyDescent="0.2">
      <c r="B131" s="29"/>
      <c r="C131" s="7"/>
      <c r="D131" s="23">
        <v>100</v>
      </c>
      <c r="E131" s="24">
        <v>73.099999999999994</v>
      </c>
      <c r="F131" s="25">
        <v>26.9</v>
      </c>
      <c r="G131" s="26" t="s">
        <v>152</v>
      </c>
    </row>
    <row r="132" spans="2:7" x14ac:dyDescent="0.2">
      <c r="B132" s="29"/>
      <c r="C132" s="2" t="s">
        <v>3</v>
      </c>
      <c r="D132" s="19">
        <v>159</v>
      </c>
      <c r="E132" s="20">
        <v>112</v>
      </c>
      <c r="F132" s="21">
        <v>37</v>
      </c>
      <c r="G132" s="22">
        <v>10</v>
      </c>
    </row>
    <row r="133" spans="2:7" x14ac:dyDescent="0.2">
      <c r="B133" s="29"/>
      <c r="C133" s="7"/>
      <c r="D133" s="23">
        <v>100</v>
      </c>
      <c r="E133" s="24">
        <v>70.400000000000006</v>
      </c>
      <c r="F133" s="25">
        <v>23.3</v>
      </c>
      <c r="G133" s="26">
        <v>6.3</v>
      </c>
    </row>
    <row r="134" spans="2:7" x14ac:dyDescent="0.2">
      <c r="B134" s="29"/>
      <c r="C134" s="2" t="s">
        <v>2</v>
      </c>
      <c r="D134" s="19">
        <v>23</v>
      </c>
      <c r="E134" s="20">
        <v>17</v>
      </c>
      <c r="F134" s="21">
        <v>4</v>
      </c>
      <c r="G134" s="22">
        <v>2</v>
      </c>
    </row>
    <row r="135" spans="2:7" x14ac:dyDescent="0.2">
      <c r="B135" s="30"/>
      <c r="C135" s="10"/>
      <c r="D135" s="15">
        <v>100</v>
      </c>
      <c r="E135" s="16">
        <v>73.900000000000006</v>
      </c>
      <c r="F135" s="17">
        <v>17.399999999999999</v>
      </c>
      <c r="G135" s="18">
        <v>8.699999999999999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65</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898</v>
      </c>
      <c r="F4" s="13">
        <v>267</v>
      </c>
      <c r="G4" s="14">
        <v>76</v>
      </c>
    </row>
    <row r="5" spans="2:7" x14ac:dyDescent="0.2">
      <c r="B5" s="29"/>
      <c r="C5" s="8"/>
      <c r="D5" s="15">
        <v>100</v>
      </c>
      <c r="E5" s="16">
        <v>72.400000000000006</v>
      </c>
      <c r="F5" s="17">
        <v>21.5</v>
      </c>
      <c r="G5" s="18">
        <v>6.1</v>
      </c>
    </row>
    <row r="6" spans="2:7" x14ac:dyDescent="0.2">
      <c r="B6" s="29"/>
      <c r="C6" s="2" t="s">
        <v>52</v>
      </c>
      <c r="D6" s="19">
        <v>557</v>
      </c>
      <c r="E6" s="20">
        <v>420</v>
      </c>
      <c r="F6" s="21">
        <v>105</v>
      </c>
      <c r="G6" s="22">
        <v>32</v>
      </c>
    </row>
    <row r="7" spans="2:7" x14ac:dyDescent="0.2">
      <c r="B7" s="29"/>
      <c r="C7" s="7"/>
      <c r="D7" s="23">
        <v>100</v>
      </c>
      <c r="E7" s="24">
        <v>75.400000000000006</v>
      </c>
      <c r="F7" s="25">
        <v>18.899999999999999</v>
      </c>
      <c r="G7" s="26">
        <v>5.7</v>
      </c>
    </row>
    <row r="8" spans="2:7" x14ac:dyDescent="0.2">
      <c r="B8" s="29"/>
      <c r="C8" s="2" t="s">
        <v>51</v>
      </c>
      <c r="D8" s="19">
        <v>595</v>
      </c>
      <c r="E8" s="20">
        <v>419</v>
      </c>
      <c r="F8" s="21">
        <v>148</v>
      </c>
      <c r="G8" s="22">
        <v>28</v>
      </c>
    </row>
    <row r="9" spans="2:7" x14ac:dyDescent="0.2">
      <c r="B9" s="29"/>
      <c r="C9" s="7"/>
      <c r="D9" s="23">
        <v>100</v>
      </c>
      <c r="E9" s="24">
        <v>70.400000000000006</v>
      </c>
      <c r="F9" s="25">
        <v>24.9</v>
      </c>
      <c r="G9" s="26">
        <v>4.7</v>
      </c>
    </row>
    <row r="10" spans="2:7" x14ac:dyDescent="0.2">
      <c r="B10" s="29"/>
      <c r="C10" s="2" t="s">
        <v>13</v>
      </c>
      <c r="D10" s="19">
        <v>89</v>
      </c>
      <c r="E10" s="20">
        <v>59</v>
      </c>
      <c r="F10" s="21">
        <v>14</v>
      </c>
      <c r="G10" s="22">
        <v>16</v>
      </c>
    </row>
    <row r="11" spans="2:7" x14ac:dyDescent="0.2">
      <c r="B11" s="30"/>
      <c r="C11" s="10"/>
      <c r="D11" s="15">
        <v>100</v>
      </c>
      <c r="E11" s="16">
        <v>66.3</v>
      </c>
      <c r="F11" s="17">
        <v>15.7</v>
      </c>
      <c r="G11" s="18">
        <v>18</v>
      </c>
    </row>
    <row r="12" spans="2:7" x14ac:dyDescent="0.2">
      <c r="B12" s="28" t="s">
        <v>54</v>
      </c>
      <c r="C12" s="9" t="s">
        <v>12</v>
      </c>
      <c r="D12" s="11">
        <v>1241</v>
      </c>
      <c r="E12" s="12">
        <v>898</v>
      </c>
      <c r="F12" s="13">
        <v>267</v>
      </c>
      <c r="G12" s="14">
        <v>76</v>
      </c>
    </row>
    <row r="13" spans="2:7" x14ac:dyDescent="0.2">
      <c r="B13" s="29"/>
      <c r="C13" s="8"/>
      <c r="D13" s="15">
        <v>100</v>
      </c>
      <c r="E13" s="16">
        <v>72.400000000000006</v>
      </c>
      <c r="F13" s="17">
        <v>21.5</v>
      </c>
      <c r="G13" s="18">
        <v>6.1</v>
      </c>
    </row>
    <row r="14" spans="2:7" x14ac:dyDescent="0.2">
      <c r="B14" s="29"/>
      <c r="C14" s="2" t="s">
        <v>50</v>
      </c>
      <c r="D14" s="19">
        <v>84</v>
      </c>
      <c r="E14" s="20">
        <v>58</v>
      </c>
      <c r="F14" s="21">
        <v>25</v>
      </c>
      <c r="G14" s="22">
        <v>1</v>
      </c>
    </row>
    <row r="15" spans="2:7" x14ac:dyDescent="0.2">
      <c r="B15" s="29"/>
      <c r="C15" s="7"/>
      <c r="D15" s="23">
        <v>100</v>
      </c>
      <c r="E15" s="24">
        <v>69</v>
      </c>
      <c r="F15" s="25">
        <v>29.8</v>
      </c>
      <c r="G15" s="26">
        <v>1.2</v>
      </c>
    </row>
    <row r="16" spans="2:7" x14ac:dyDescent="0.2">
      <c r="B16" s="29"/>
      <c r="C16" s="2" t="s">
        <v>49</v>
      </c>
      <c r="D16" s="19">
        <v>97</v>
      </c>
      <c r="E16" s="20">
        <v>81</v>
      </c>
      <c r="F16" s="21">
        <v>15</v>
      </c>
      <c r="G16" s="22">
        <v>1</v>
      </c>
    </row>
    <row r="17" spans="2:7" x14ac:dyDescent="0.2">
      <c r="B17" s="29"/>
      <c r="C17" s="7"/>
      <c r="D17" s="23">
        <v>100</v>
      </c>
      <c r="E17" s="24">
        <v>83.5</v>
      </c>
      <c r="F17" s="25">
        <v>15.5</v>
      </c>
      <c r="G17" s="26">
        <v>1</v>
      </c>
    </row>
    <row r="18" spans="2:7" x14ac:dyDescent="0.2">
      <c r="B18" s="29"/>
      <c r="C18" s="2" t="s">
        <v>48</v>
      </c>
      <c r="D18" s="19">
        <v>79</v>
      </c>
      <c r="E18" s="20">
        <v>67</v>
      </c>
      <c r="F18" s="21">
        <v>8</v>
      </c>
      <c r="G18" s="22">
        <v>4</v>
      </c>
    </row>
    <row r="19" spans="2:7" x14ac:dyDescent="0.2">
      <c r="B19" s="29"/>
      <c r="C19" s="7"/>
      <c r="D19" s="23">
        <v>100</v>
      </c>
      <c r="E19" s="24">
        <v>84.8</v>
      </c>
      <c r="F19" s="25">
        <v>10.1</v>
      </c>
      <c r="G19" s="26">
        <v>5.0999999999999996</v>
      </c>
    </row>
    <row r="20" spans="2:7" x14ac:dyDescent="0.2">
      <c r="B20" s="29"/>
      <c r="C20" s="2" t="s">
        <v>47</v>
      </c>
      <c r="D20" s="19">
        <v>72</v>
      </c>
      <c r="E20" s="20">
        <v>52</v>
      </c>
      <c r="F20" s="21">
        <v>18</v>
      </c>
      <c r="G20" s="22">
        <v>2</v>
      </c>
    </row>
    <row r="21" spans="2:7" x14ac:dyDescent="0.2">
      <c r="B21" s="29"/>
      <c r="C21" s="7"/>
      <c r="D21" s="23">
        <v>100</v>
      </c>
      <c r="E21" s="24">
        <v>72.2</v>
      </c>
      <c r="F21" s="25">
        <v>25</v>
      </c>
      <c r="G21" s="26">
        <v>2.8</v>
      </c>
    </row>
    <row r="22" spans="2:7" x14ac:dyDescent="0.2">
      <c r="B22" s="29"/>
      <c r="C22" s="2" t="s">
        <v>46</v>
      </c>
      <c r="D22" s="19">
        <v>15</v>
      </c>
      <c r="E22" s="20">
        <v>12</v>
      </c>
      <c r="F22" s="21">
        <v>2</v>
      </c>
      <c r="G22" s="22">
        <v>1</v>
      </c>
    </row>
    <row r="23" spans="2:7" x14ac:dyDescent="0.2">
      <c r="B23" s="29"/>
      <c r="C23" s="7"/>
      <c r="D23" s="23">
        <v>100</v>
      </c>
      <c r="E23" s="24">
        <v>80</v>
      </c>
      <c r="F23" s="25">
        <v>13.3</v>
      </c>
      <c r="G23" s="26">
        <v>6.7</v>
      </c>
    </row>
    <row r="24" spans="2:7" x14ac:dyDescent="0.2">
      <c r="B24" s="29"/>
      <c r="C24" s="2" t="s">
        <v>45</v>
      </c>
      <c r="D24" s="19">
        <v>77</v>
      </c>
      <c r="E24" s="20">
        <v>56</v>
      </c>
      <c r="F24" s="21">
        <v>16</v>
      </c>
      <c r="G24" s="22">
        <v>5</v>
      </c>
    </row>
    <row r="25" spans="2:7" x14ac:dyDescent="0.2">
      <c r="B25" s="29"/>
      <c r="C25" s="7"/>
      <c r="D25" s="23">
        <v>100</v>
      </c>
      <c r="E25" s="24">
        <v>72.7</v>
      </c>
      <c r="F25" s="25">
        <v>20.8</v>
      </c>
      <c r="G25" s="26">
        <v>6.5</v>
      </c>
    </row>
    <row r="26" spans="2:7" x14ac:dyDescent="0.2">
      <c r="B26" s="29"/>
      <c r="C26" s="2" t="s">
        <v>44</v>
      </c>
      <c r="D26" s="19">
        <v>260</v>
      </c>
      <c r="E26" s="20">
        <v>199</v>
      </c>
      <c r="F26" s="21">
        <v>45</v>
      </c>
      <c r="G26" s="22">
        <v>16</v>
      </c>
    </row>
    <row r="27" spans="2:7" x14ac:dyDescent="0.2">
      <c r="B27" s="29"/>
      <c r="C27" s="7"/>
      <c r="D27" s="23">
        <v>100</v>
      </c>
      <c r="E27" s="24">
        <v>76.5</v>
      </c>
      <c r="F27" s="25">
        <v>17.3</v>
      </c>
      <c r="G27" s="26">
        <v>6.2</v>
      </c>
    </row>
    <row r="28" spans="2:7" x14ac:dyDescent="0.2">
      <c r="B28" s="29"/>
      <c r="C28" s="2" t="s">
        <v>43</v>
      </c>
      <c r="D28" s="19">
        <v>334</v>
      </c>
      <c r="E28" s="20">
        <v>245</v>
      </c>
      <c r="F28" s="21">
        <v>65</v>
      </c>
      <c r="G28" s="22">
        <v>24</v>
      </c>
    </row>
    <row r="29" spans="2:7" x14ac:dyDescent="0.2">
      <c r="B29" s="29"/>
      <c r="C29" s="7"/>
      <c r="D29" s="23">
        <v>100</v>
      </c>
      <c r="E29" s="24">
        <v>73.400000000000006</v>
      </c>
      <c r="F29" s="25">
        <v>19.5</v>
      </c>
      <c r="G29" s="26">
        <v>7.2</v>
      </c>
    </row>
    <row r="30" spans="2:7" x14ac:dyDescent="0.2">
      <c r="B30" s="29"/>
      <c r="C30" s="2" t="s">
        <v>14</v>
      </c>
      <c r="D30" s="19">
        <v>28</v>
      </c>
      <c r="E30" s="20">
        <v>21</v>
      </c>
      <c r="F30" s="21">
        <v>7</v>
      </c>
      <c r="G30" s="22" t="s">
        <v>152</v>
      </c>
    </row>
    <row r="31" spans="2:7" x14ac:dyDescent="0.2">
      <c r="B31" s="29"/>
      <c r="C31" s="7"/>
      <c r="D31" s="23">
        <v>100</v>
      </c>
      <c r="E31" s="24">
        <v>75</v>
      </c>
      <c r="F31" s="25">
        <v>25</v>
      </c>
      <c r="G31" s="26" t="s">
        <v>152</v>
      </c>
    </row>
    <row r="32" spans="2:7" x14ac:dyDescent="0.2">
      <c r="B32" s="29"/>
      <c r="C32" s="2" t="s">
        <v>42</v>
      </c>
      <c r="D32" s="19">
        <v>390</v>
      </c>
      <c r="E32" s="20">
        <v>274</v>
      </c>
      <c r="F32" s="21">
        <v>99</v>
      </c>
      <c r="G32" s="22">
        <v>17</v>
      </c>
    </row>
    <row r="33" spans="2:7" x14ac:dyDescent="0.2">
      <c r="B33" s="29"/>
      <c r="C33" s="7"/>
      <c r="D33" s="23">
        <v>100</v>
      </c>
      <c r="E33" s="24">
        <v>70.3</v>
      </c>
      <c r="F33" s="25">
        <v>25.4</v>
      </c>
      <c r="G33" s="26">
        <v>4.4000000000000004</v>
      </c>
    </row>
    <row r="34" spans="2:7" x14ac:dyDescent="0.2">
      <c r="B34" s="29"/>
      <c r="C34" s="2" t="s">
        <v>13</v>
      </c>
      <c r="D34" s="19">
        <v>70</v>
      </c>
      <c r="E34" s="20">
        <v>43</v>
      </c>
      <c r="F34" s="21">
        <v>11</v>
      </c>
      <c r="G34" s="22">
        <v>16</v>
      </c>
    </row>
    <row r="35" spans="2:7" x14ac:dyDescent="0.2">
      <c r="B35" s="30"/>
      <c r="C35" s="10"/>
      <c r="D35" s="15">
        <v>100</v>
      </c>
      <c r="E35" s="16">
        <v>61.4</v>
      </c>
      <c r="F35" s="17">
        <v>15.7</v>
      </c>
      <c r="G35" s="18">
        <v>22.9</v>
      </c>
    </row>
    <row r="36" spans="2:7" x14ac:dyDescent="0.2">
      <c r="B36" s="28" t="s">
        <v>53</v>
      </c>
      <c r="C36" s="9" t="s">
        <v>12</v>
      </c>
      <c r="D36" s="11">
        <v>1241</v>
      </c>
      <c r="E36" s="12">
        <v>898</v>
      </c>
      <c r="F36" s="13">
        <v>267</v>
      </c>
      <c r="G36" s="14">
        <v>76</v>
      </c>
    </row>
    <row r="37" spans="2:7" x14ac:dyDescent="0.2">
      <c r="B37" s="29"/>
      <c r="C37" s="8"/>
      <c r="D37" s="15">
        <v>100</v>
      </c>
      <c r="E37" s="16">
        <v>72.400000000000006</v>
      </c>
      <c r="F37" s="17">
        <v>21.5</v>
      </c>
      <c r="G37" s="18">
        <v>6.1</v>
      </c>
    </row>
    <row r="38" spans="2:7" x14ac:dyDescent="0.2">
      <c r="B38" s="29"/>
      <c r="C38" s="2" t="s">
        <v>41</v>
      </c>
      <c r="D38" s="19">
        <v>799</v>
      </c>
      <c r="E38" s="20">
        <v>585</v>
      </c>
      <c r="F38" s="21">
        <v>183</v>
      </c>
      <c r="G38" s="22">
        <v>31</v>
      </c>
    </row>
    <row r="39" spans="2:7" x14ac:dyDescent="0.2">
      <c r="B39" s="29"/>
      <c r="C39" s="7"/>
      <c r="D39" s="23">
        <v>100</v>
      </c>
      <c r="E39" s="24">
        <v>73.2</v>
      </c>
      <c r="F39" s="25">
        <v>22.9</v>
      </c>
      <c r="G39" s="26">
        <v>3.9</v>
      </c>
    </row>
    <row r="40" spans="2:7" x14ac:dyDescent="0.2">
      <c r="B40" s="29"/>
      <c r="C40" s="2" t="s">
        <v>40</v>
      </c>
      <c r="D40" s="19">
        <v>182</v>
      </c>
      <c r="E40" s="20">
        <v>137</v>
      </c>
      <c r="F40" s="21">
        <v>35</v>
      </c>
      <c r="G40" s="22">
        <v>10</v>
      </c>
    </row>
    <row r="41" spans="2:7" x14ac:dyDescent="0.2">
      <c r="B41" s="29"/>
      <c r="C41" s="7"/>
      <c r="D41" s="23">
        <v>100</v>
      </c>
      <c r="E41" s="24">
        <v>75.3</v>
      </c>
      <c r="F41" s="25">
        <v>19.2</v>
      </c>
      <c r="G41" s="26">
        <v>5.5</v>
      </c>
    </row>
    <row r="42" spans="2:7" x14ac:dyDescent="0.2">
      <c r="B42" s="29"/>
      <c r="C42" s="2" t="s">
        <v>39</v>
      </c>
      <c r="D42" s="19">
        <v>72</v>
      </c>
      <c r="E42" s="20">
        <v>52</v>
      </c>
      <c r="F42" s="21">
        <v>13</v>
      </c>
      <c r="G42" s="22">
        <v>7</v>
      </c>
    </row>
    <row r="43" spans="2:7" x14ac:dyDescent="0.2">
      <c r="B43" s="29"/>
      <c r="C43" s="7"/>
      <c r="D43" s="23">
        <v>100</v>
      </c>
      <c r="E43" s="24">
        <v>72.2</v>
      </c>
      <c r="F43" s="25">
        <v>18.100000000000001</v>
      </c>
      <c r="G43" s="26">
        <v>9.6999999999999993</v>
      </c>
    </row>
    <row r="44" spans="2:7" x14ac:dyDescent="0.2">
      <c r="B44" s="29"/>
      <c r="C44" s="2" t="s">
        <v>38</v>
      </c>
      <c r="D44" s="19">
        <v>127</v>
      </c>
      <c r="E44" s="20">
        <v>88</v>
      </c>
      <c r="F44" s="21">
        <v>26</v>
      </c>
      <c r="G44" s="22">
        <v>13</v>
      </c>
    </row>
    <row r="45" spans="2:7" x14ac:dyDescent="0.2">
      <c r="B45" s="29"/>
      <c r="C45" s="7"/>
      <c r="D45" s="23">
        <v>100</v>
      </c>
      <c r="E45" s="24">
        <v>69.3</v>
      </c>
      <c r="F45" s="25">
        <v>20.5</v>
      </c>
      <c r="G45" s="26">
        <v>10.199999999999999</v>
      </c>
    </row>
    <row r="46" spans="2:7" x14ac:dyDescent="0.2">
      <c r="B46" s="29"/>
      <c r="C46" s="2" t="s">
        <v>13</v>
      </c>
      <c r="D46" s="19">
        <v>61</v>
      </c>
      <c r="E46" s="20">
        <v>36</v>
      </c>
      <c r="F46" s="21">
        <v>10</v>
      </c>
      <c r="G46" s="22">
        <v>15</v>
      </c>
    </row>
    <row r="47" spans="2:7" x14ac:dyDescent="0.2">
      <c r="B47" s="30"/>
      <c r="C47" s="10"/>
      <c r="D47" s="15">
        <v>100</v>
      </c>
      <c r="E47" s="16">
        <v>59</v>
      </c>
      <c r="F47" s="17">
        <v>16.399999999999999</v>
      </c>
      <c r="G47" s="18">
        <v>24.6</v>
      </c>
    </row>
  </sheetData>
  <mergeCells count="3">
    <mergeCell ref="B4:B11"/>
    <mergeCell ref="B12:B35"/>
    <mergeCell ref="B36:B47"/>
  </mergeCells>
  <phoneticPr fontId="2"/>
  <pageMargins left="0.7" right="0.7" top="0.75" bottom="0.75" header="0.3" footer="0.3"/>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64</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737</v>
      </c>
      <c r="F4" s="13">
        <v>416</v>
      </c>
      <c r="G4" s="14">
        <v>88</v>
      </c>
    </row>
    <row r="5" spans="2:7" x14ac:dyDescent="0.2">
      <c r="B5" s="29"/>
      <c r="C5" s="8"/>
      <c r="D5" s="15">
        <v>100</v>
      </c>
      <c r="E5" s="16">
        <v>59.4</v>
      </c>
      <c r="F5" s="17">
        <v>33.5</v>
      </c>
      <c r="G5" s="18">
        <v>7.1</v>
      </c>
    </row>
    <row r="6" spans="2:7" x14ac:dyDescent="0.2">
      <c r="B6" s="29"/>
      <c r="C6" s="2" t="s">
        <v>30</v>
      </c>
      <c r="D6" s="19">
        <v>499</v>
      </c>
      <c r="E6" s="20">
        <v>304</v>
      </c>
      <c r="F6" s="21">
        <v>170</v>
      </c>
      <c r="G6" s="22">
        <v>25</v>
      </c>
    </row>
    <row r="7" spans="2:7" x14ac:dyDescent="0.2">
      <c r="B7" s="29"/>
      <c r="C7" s="7"/>
      <c r="D7" s="23">
        <v>100</v>
      </c>
      <c r="E7" s="24">
        <v>60.9</v>
      </c>
      <c r="F7" s="25">
        <v>34.1</v>
      </c>
      <c r="G7" s="26">
        <v>5</v>
      </c>
    </row>
    <row r="8" spans="2:7" x14ac:dyDescent="0.2">
      <c r="B8" s="29"/>
      <c r="C8" s="2" t="s">
        <v>29</v>
      </c>
      <c r="D8" s="19">
        <v>150</v>
      </c>
      <c r="E8" s="20">
        <v>101</v>
      </c>
      <c r="F8" s="21">
        <v>41</v>
      </c>
      <c r="G8" s="22">
        <v>8</v>
      </c>
    </row>
    <row r="9" spans="2:7" x14ac:dyDescent="0.2">
      <c r="B9" s="29"/>
      <c r="C9" s="7"/>
      <c r="D9" s="23">
        <v>100</v>
      </c>
      <c r="E9" s="24">
        <v>67.3</v>
      </c>
      <c r="F9" s="25">
        <v>27.3</v>
      </c>
      <c r="G9" s="26">
        <v>5.3</v>
      </c>
    </row>
    <row r="10" spans="2:7" x14ac:dyDescent="0.2">
      <c r="B10" s="29"/>
      <c r="C10" s="2" t="s">
        <v>28</v>
      </c>
      <c r="D10" s="19">
        <v>82</v>
      </c>
      <c r="E10" s="20">
        <v>48</v>
      </c>
      <c r="F10" s="21">
        <v>27</v>
      </c>
      <c r="G10" s="22">
        <v>7</v>
      </c>
    </row>
    <row r="11" spans="2:7" x14ac:dyDescent="0.2">
      <c r="B11" s="29"/>
      <c r="C11" s="7"/>
      <c r="D11" s="23">
        <v>100</v>
      </c>
      <c r="E11" s="24">
        <v>58.5</v>
      </c>
      <c r="F11" s="25">
        <v>32.9</v>
      </c>
      <c r="G11" s="26">
        <v>8.5</v>
      </c>
    </row>
    <row r="12" spans="2:7" x14ac:dyDescent="0.2">
      <c r="B12" s="29"/>
      <c r="C12" s="2" t="s">
        <v>27</v>
      </c>
      <c r="D12" s="19">
        <v>92</v>
      </c>
      <c r="E12" s="20">
        <v>60</v>
      </c>
      <c r="F12" s="21">
        <v>27</v>
      </c>
      <c r="G12" s="22">
        <v>5</v>
      </c>
    </row>
    <row r="13" spans="2:7" x14ac:dyDescent="0.2">
      <c r="B13" s="29"/>
      <c r="C13" s="7"/>
      <c r="D13" s="23">
        <v>100</v>
      </c>
      <c r="E13" s="24">
        <v>65.2</v>
      </c>
      <c r="F13" s="25">
        <v>29.3</v>
      </c>
      <c r="G13" s="26">
        <v>5.4</v>
      </c>
    </row>
    <row r="14" spans="2:7" x14ac:dyDescent="0.2">
      <c r="B14" s="29"/>
      <c r="C14" s="2" t="s">
        <v>26</v>
      </c>
      <c r="D14" s="19">
        <v>112</v>
      </c>
      <c r="E14" s="20">
        <v>64</v>
      </c>
      <c r="F14" s="21">
        <v>38</v>
      </c>
      <c r="G14" s="22">
        <v>10</v>
      </c>
    </row>
    <row r="15" spans="2:7" x14ac:dyDescent="0.2">
      <c r="B15" s="29"/>
      <c r="C15" s="7"/>
      <c r="D15" s="23">
        <v>100</v>
      </c>
      <c r="E15" s="24">
        <v>57.1</v>
      </c>
      <c r="F15" s="25">
        <v>33.9</v>
      </c>
      <c r="G15" s="26">
        <v>8.9</v>
      </c>
    </row>
    <row r="16" spans="2:7" x14ac:dyDescent="0.2">
      <c r="B16" s="29"/>
      <c r="C16" s="2" t="s">
        <v>25</v>
      </c>
      <c r="D16" s="19">
        <v>188</v>
      </c>
      <c r="E16" s="20">
        <v>96</v>
      </c>
      <c r="F16" s="21">
        <v>75</v>
      </c>
      <c r="G16" s="22">
        <v>17</v>
      </c>
    </row>
    <row r="17" spans="2:7" x14ac:dyDescent="0.2">
      <c r="B17" s="29"/>
      <c r="C17" s="7"/>
      <c r="D17" s="23">
        <v>100</v>
      </c>
      <c r="E17" s="24">
        <v>51.1</v>
      </c>
      <c r="F17" s="25">
        <v>39.9</v>
      </c>
      <c r="G17" s="26">
        <v>9</v>
      </c>
    </row>
    <row r="18" spans="2:7" x14ac:dyDescent="0.2">
      <c r="B18" s="29"/>
      <c r="C18" s="2" t="s">
        <v>24</v>
      </c>
      <c r="D18" s="19">
        <v>60</v>
      </c>
      <c r="E18" s="20">
        <v>34</v>
      </c>
      <c r="F18" s="21">
        <v>23</v>
      </c>
      <c r="G18" s="22">
        <v>3</v>
      </c>
    </row>
    <row r="19" spans="2:7" x14ac:dyDescent="0.2">
      <c r="B19" s="29"/>
      <c r="C19" s="7"/>
      <c r="D19" s="23">
        <v>100</v>
      </c>
      <c r="E19" s="24">
        <v>56.7</v>
      </c>
      <c r="F19" s="25">
        <v>38.299999999999997</v>
      </c>
      <c r="G19" s="26">
        <v>5</v>
      </c>
    </row>
    <row r="20" spans="2:7" x14ac:dyDescent="0.2">
      <c r="B20" s="29"/>
      <c r="C20" s="2" t="s">
        <v>13</v>
      </c>
      <c r="D20" s="19">
        <v>58</v>
      </c>
      <c r="E20" s="20">
        <v>30</v>
      </c>
      <c r="F20" s="21">
        <v>15</v>
      </c>
      <c r="G20" s="22">
        <v>13</v>
      </c>
    </row>
    <row r="21" spans="2:7" x14ac:dyDescent="0.2">
      <c r="B21" s="30"/>
      <c r="C21" s="10"/>
      <c r="D21" s="15">
        <v>100</v>
      </c>
      <c r="E21" s="16">
        <v>51.7</v>
      </c>
      <c r="F21" s="17">
        <v>25.9</v>
      </c>
      <c r="G21" s="18">
        <v>22.4</v>
      </c>
    </row>
    <row r="22" spans="2:7" x14ac:dyDescent="0.2">
      <c r="B22" s="28" t="s">
        <v>35</v>
      </c>
      <c r="C22" s="9" t="s">
        <v>12</v>
      </c>
      <c r="D22" s="11">
        <v>1241</v>
      </c>
      <c r="E22" s="12">
        <v>737</v>
      </c>
      <c r="F22" s="13">
        <v>416</v>
      </c>
      <c r="G22" s="14">
        <v>88</v>
      </c>
    </row>
    <row r="23" spans="2:7" x14ac:dyDescent="0.2">
      <c r="B23" s="29"/>
      <c r="C23" s="8"/>
      <c r="D23" s="15">
        <v>100</v>
      </c>
      <c r="E23" s="16">
        <v>59.4</v>
      </c>
      <c r="F23" s="17">
        <v>33.5</v>
      </c>
      <c r="G23" s="18">
        <v>7.1</v>
      </c>
    </row>
    <row r="24" spans="2:7" x14ac:dyDescent="0.2">
      <c r="B24" s="29"/>
      <c r="C24" s="2" t="s">
        <v>23</v>
      </c>
      <c r="D24" s="19">
        <v>563</v>
      </c>
      <c r="E24" s="20">
        <v>337</v>
      </c>
      <c r="F24" s="21">
        <v>199</v>
      </c>
      <c r="G24" s="22">
        <v>27</v>
      </c>
    </row>
    <row r="25" spans="2:7" x14ac:dyDescent="0.2">
      <c r="B25" s="29"/>
      <c r="C25" s="7"/>
      <c r="D25" s="23">
        <v>100</v>
      </c>
      <c r="E25" s="24">
        <v>59.9</v>
      </c>
      <c r="F25" s="25">
        <v>35.299999999999997</v>
      </c>
      <c r="G25" s="26">
        <v>4.8</v>
      </c>
    </row>
    <row r="26" spans="2:7" x14ac:dyDescent="0.2">
      <c r="B26" s="29"/>
      <c r="C26" s="2" t="s">
        <v>22</v>
      </c>
      <c r="D26" s="19">
        <v>607</v>
      </c>
      <c r="E26" s="20">
        <v>363</v>
      </c>
      <c r="F26" s="21">
        <v>196</v>
      </c>
      <c r="G26" s="22">
        <v>48</v>
      </c>
    </row>
    <row r="27" spans="2:7" x14ac:dyDescent="0.2">
      <c r="B27" s="29"/>
      <c r="C27" s="7"/>
      <c r="D27" s="23">
        <v>100</v>
      </c>
      <c r="E27" s="24">
        <v>59.8</v>
      </c>
      <c r="F27" s="25">
        <v>32.299999999999997</v>
      </c>
      <c r="G27" s="26">
        <v>7.9</v>
      </c>
    </row>
    <row r="28" spans="2:7" x14ac:dyDescent="0.2">
      <c r="B28" s="29"/>
      <c r="C28" s="2" t="s">
        <v>13</v>
      </c>
      <c r="D28" s="19">
        <v>71</v>
      </c>
      <c r="E28" s="20">
        <v>37</v>
      </c>
      <c r="F28" s="21">
        <v>21</v>
      </c>
      <c r="G28" s="22">
        <v>13</v>
      </c>
    </row>
    <row r="29" spans="2:7" x14ac:dyDescent="0.2">
      <c r="B29" s="30"/>
      <c r="C29" s="10"/>
      <c r="D29" s="15">
        <v>100</v>
      </c>
      <c r="E29" s="16">
        <v>52.1</v>
      </c>
      <c r="F29" s="17">
        <v>29.6</v>
      </c>
      <c r="G29" s="18">
        <v>18.3</v>
      </c>
    </row>
    <row r="30" spans="2:7" x14ac:dyDescent="0.2">
      <c r="B30" s="28" t="s">
        <v>34</v>
      </c>
      <c r="C30" s="9" t="s">
        <v>12</v>
      </c>
      <c r="D30" s="11">
        <v>1241</v>
      </c>
      <c r="E30" s="12">
        <v>737</v>
      </c>
      <c r="F30" s="13">
        <v>416</v>
      </c>
      <c r="G30" s="14">
        <v>88</v>
      </c>
    </row>
    <row r="31" spans="2:7" x14ac:dyDescent="0.2">
      <c r="B31" s="29"/>
      <c r="C31" s="8"/>
      <c r="D31" s="15">
        <v>100</v>
      </c>
      <c r="E31" s="16">
        <v>59.4</v>
      </c>
      <c r="F31" s="17">
        <v>33.5</v>
      </c>
      <c r="G31" s="18">
        <v>7.1</v>
      </c>
    </row>
    <row r="32" spans="2:7" x14ac:dyDescent="0.2">
      <c r="B32" s="29"/>
      <c r="C32" s="2" t="s">
        <v>76</v>
      </c>
      <c r="D32" s="19">
        <v>3</v>
      </c>
      <c r="E32" s="20">
        <v>1</v>
      </c>
      <c r="F32" s="21">
        <v>2</v>
      </c>
      <c r="G32" s="22" t="s">
        <v>152</v>
      </c>
    </row>
    <row r="33" spans="2:7" x14ac:dyDescent="0.2">
      <c r="B33" s="29"/>
      <c r="C33" s="7"/>
      <c r="D33" s="23">
        <v>100</v>
      </c>
      <c r="E33" s="24">
        <v>33.299999999999997</v>
      </c>
      <c r="F33" s="25">
        <v>66.7</v>
      </c>
      <c r="G33" s="26" t="s">
        <v>152</v>
      </c>
    </row>
    <row r="34" spans="2:7" x14ac:dyDescent="0.2">
      <c r="B34" s="29"/>
      <c r="C34" s="2" t="s">
        <v>78</v>
      </c>
      <c r="D34" s="19">
        <v>51</v>
      </c>
      <c r="E34" s="20">
        <v>36</v>
      </c>
      <c r="F34" s="21">
        <v>14</v>
      </c>
      <c r="G34" s="22">
        <v>1</v>
      </c>
    </row>
    <row r="35" spans="2:7" x14ac:dyDescent="0.2">
      <c r="B35" s="29"/>
      <c r="C35" s="7"/>
      <c r="D35" s="23">
        <v>100</v>
      </c>
      <c r="E35" s="24">
        <v>70.599999999999994</v>
      </c>
      <c r="F35" s="25">
        <v>27.5</v>
      </c>
      <c r="G35" s="26">
        <v>2</v>
      </c>
    </row>
    <row r="36" spans="2:7" x14ac:dyDescent="0.2">
      <c r="B36" s="29"/>
      <c r="C36" s="2" t="s">
        <v>147</v>
      </c>
      <c r="D36" s="19">
        <v>54</v>
      </c>
      <c r="E36" s="20">
        <v>37</v>
      </c>
      <c r="F36" s="21">
        <v>16</v>
      </c>
      <c r="G36" s="22">
        <v>1</v>
      </c>
    </row>
    <row r="37" spans="2:7" x14ac:dyDescent="0.2">
      <c r="B37" s="29"/>
      <c r="C37" s="7"/>
      <c r="D37" s="23">
        <v>100</v>
      </c>
      <c r="E37" s="24">
        <v>68.518518518518519</v>
      </c>
      <c r="F37" s="25">
        <v>29.629629629629626</v>
      </c>
      <c r="G37" s="26">
        <v>1.8518518518518516</v>
      </c>
    </row>
    <row r="38" spans="2:7" x14ac:dyDescent="0.2">
      <c r="B38" s="29"/>
      <c r="C38" s="2" t="s">
        <v>80</v>
      </c>
      <c r="D38" s="19">
        <v>116</v>
      </c>
      <c r="E38" s="20">
        <v>74</v>
      </c>
      <c r="F38" s="21">
        <v>40</v>
      </c>
      <c r="G38" s="22">
        <v>2</v>
      </c>
    </row>
    <row r="39" spans="2:7" x14ac:dyDescent="0.2">
      <c r="B39" s="29"/>
      <c r="C39" s="7"/>
      <c r="D39" s="23">
        <v>100</v>
      </c>
      <c r="E39" s="24">
        <v>63.8</v>
      </c>
      <c r="F39" s="25">
        <v>34.5</v>
      </c>
      <c r="G39" s="26">
        <v>1.7</v>
      </c>
    </row>
    <row r="40" spans="2:7" x14ac:dyDescent="0.2">
      <c r="B40" s="29"/>
      <c r="C40" s="2" t="s">
        <v>82</v>
      </c>
      <c r="D40" s="19">
        <v>200</v>
      </c>
      <c r="E40" s="20">
        <v>102</v>
      </c>
      <c r="F40" s="21">
        <v>88</v>
      </c>
      <c r="G40" s="22">
        <v>10</v>
      </c>
    </row>
    <row r="41" spans="2:7" x14ac:dyDescent="0.2">
      <c r="B41" s="29"/>
      <c r="C41" s="7"/>
      <c r="D41" s="23">
        <v>100</v>
      </c>
      <c r="E41" s="24">
        <v>51</v>
      </c>
      <c r="F41" s="25">
        <v>44</v>
      </c>
      <c r="G41" s="26">
        <v>5</v>
      </c>
    </row>
    <row r="42" spans="2:7" x14ac:dyDescent="0.2">
      <c r="B42" s="29"/>
      <c r="C42" s="2" t="s">
        <v>84</v>
      </c>
      <c r="D42" s="19">
        <v>289</v>
      </c>
      <c r="E42" s="20">
        <v>180</v>
      </c>
      <c r="F42" s="21">
        <v>99</v>
      </c>
      <c r="G42" s="22">
        <v>10</v>
      </c>
    </row>
    <row r="43" spans="2:7" x14ac:dyDescent="0.2">
      <c r="B43" s="29"/>
      <c r="C43" s="7"/>
      <c r="D43" s="23">
        <v>100</v>
      </c>
      <c r="E43" s="24">
        <v>62.3</v>
      </c>
      <c r="F43" s="25">
        <v>34.299999999999997</v>
      </c>
      <c r="G43" s="26">
        <v>3.5</v>
      </c>
    </row>
    <row r="44" spans="2:7" x14ac:dyDescent="0.2">
      <c r="B44" s="29"/>
      <c r="C44" s="2" t="s">
        <v>86</v>
      </c>
      <c r="D44" s="19">
        <v>247</v>
      </c>
      <c r="E44" s="20">
        <v>151</v>
      </c>
      <c r="F44" s="21">
        <v>78</v>
      </c>
      <c r="G44" s="22">
        <v>18</v>
      </c>
    </row>
    <row r="45" spans="2:7" x14ac:dyDescent="0.2">
      <c r="B45" s="29"/>
      <c r="C45" s="7"/>
      <c r="D45" s="23">
        <v>100</v>
      </c>
      <c r="E45" s="24">
        <v>61.1</v>
      </c>
      <c r="F45" s="25">
        <v>31.6</v>
      </c>
      <c r="G45" s="26">
        <v>7.3</v>
      </c>
    </row>
    <row r="46" spans="2:7" x14ac:dyDescent="0.2">
      <c r="B46" s="29"/>
      <c r="C46" s="2" t="s">
        <v>88</v>
      </c>
      <c r="D46" s="19">
        <v>125</v>
      </c>
      <c r="E46" s="20">
        <v>79</v>
      </c>
      <c r="F46" s="21">
        <v>34</v>
      </c>
      <c r="G46" s="22">
        <v>12</v>
      </c>
    </row>
    <row r="47" spans="2:7" x14ac:dyDescent="0.2">
      <c r="B47" s="29"/>
      <c r="C47" s="7"/>
      <c r="D47" s="23">
        <v>100</v>
      </c>
      <c r="E47" s="24">
        <v>63.2</v>
      </c>
      <c r="F47" s="25">
        <v>27.2</v>
      </c>
      <c r="G47" s="26">
        <v>9.6</v>
      </c>
    </row>
    <row r="48" spans="2:7" x14ac:dyDescent="0.2">
      <c r="B48" s="29"/>
      <c r="C48" s="2" t="s">
        <v>90</v>
      </c>
      <c r="D48" s="19">
        <v>150</v>
      </c>
      <c r="E48" s="20">
        <v>84</v>
      </c>
      <c r="F48" s="21">
        <v>46</v>
      </c>
      <c r="G48" s="22">
        <v>20</v>
      </c>
    </row>
    <row r="49" spans="2:7" x14ac:dyDescent="0.2">
      <c r="B49" s="29"/>
      <c r="C49" s="7"/>
      <c r="D49" s="23">
        <v>100</v>
      </c>
      <c r="E49" s="24">
        <v>56</v>
      </c>
      <c r="F49" s="25">
        <v>30.7</v>
      </c>
      <c r="G49" s="26">
        <v>13.3</v>
      </c>
    </row>
    <row r="50" spans="2:7" x14ac:dyDescent="0.2">
      <c r="B50" s="29"/>
      <c r="C50" s="2" t="s">
        <v>92</v>
      </c>
      <c r="D50" s="19">
        <v>60</v>
      </c>
      <c r="E50" s="20">
        <v>30</v>
      </c>
      <c r="F50" s="21">
        <v>15</v>
      </c>
      <c r="G50" s="22">
        <v>15</v>
      </c>
    </row>
    <row r="51" spans="2:7" x14ac:dyDescent="0.2">
      <c r="B51" s="29"/>
      <c r="C51" s="10"/>
      <c r="D51" s="23">
        <v>100</v>
      </c>
      <c r="E51" s="24">
        <v>50</v>
      </c>
      <c r="F51" s="25">
        <v>25</v>
      </c>
      <c r="G51" s="26">
        <v>25</v>
      </c>
    </row>
    <row r="52" spans="2:7" x14ac:dyDescent="0.2">
      <c r="B52" s="28" t="s">
        <v>33</v>
      </c>
      <c r="C52" s="9" t="s">
        <v>12</v>
      </c>
      <c r="D52" s="11">
        <v>1241</v>
      </c>
      <c r="E52" s="12">
        <v>737</v>
      </c>
      <c r="F52" s="13">
        <v>416</v>
      </c>
      <c r="G52" s="14">
        <v>88</v>
      </c>
    </row>
    <row r="53" spans="2:7" x14ac:dyDescent="0.2">
      <c r="B53" s="29"/>
      <c r="C53" s="8"/>
      <c r="D53" s="15">
        <v>100</v>
      </c>
      <c r="E53" s="16">
        <v>59.4</v>
      </c>
      <c r="F53" s="17">
        <v>33.5</v>
      </c>
      <c r="G53" s="18">
        <v>7.1</v>
      </c>
    </row>
    <row r="54" spans="2:7" x14ac:dyDescent="0.2">
      <c r="B54" s="29"/>
      <c r="C54" s="2" t="s">
        <v>57</v>
      </c>
      <c r="D54" s="19">
        <v>2</v>
      </c>
      <c r="E54" s="20">
        <v>1</v>
      </c>
      <c r="F54" s="21">
        <v>1</v>
      </c>
      <c r="G54" s="22" t="s">
        <v>152</v>
      </c>
    </row>
    <row r="55" spans="2:7" x14ac:dyDescent="0.2">
      <c r="B55" s="29"/>
      <c r="C55" s="7"/>
      <c r="D55" s="23">
        <v>100</v>
      </c>
      <c r="E55" s="24">
        <v>50</v>
      </c>
      <c r="F55" s="25">
        <v>50</v>
      </c>
      <c r="G55" s="26" t="s">
        <v>152</v>
      </c>
    </row>
    <row r="56" spans="2:7" x14ac:dyDescent="0.2">
      <c r="B56" s="29"/>
      <c r="C56" s="2" t="s">
        <v>63</v>
      </c>
      <c r="D56" s="19">
        <v>20</v>
      </c>
      <c r="E56" s="20">
        <v>11</v>
      </c>
      <c r="F56" s="21">
        <v>9</v>
      </c>
      <c r="G56" s="22" t="s">
        <v>152</v>
      </c>
    </row>
    <row r="57" spans="2:7" x14ac:dyDescent="0.2">
      <c r="B57" s="29"/>
      <c r="C57" s="7"/>
      <c r="D57" s="23">
        <v>100</v>
      </c>
      <c r="E57" s="24">
        <v>55</v>
      </c>
      <c r="F57" s="25">
        <v>45</v>
      </c>
      <c r="G57" s="26" t="s">
        <v>152</v>
      </c>
    </row>
    <row r="58" spans="2:7" x14ac:dyDescent="0.2">
      <c r="B58" s="29"/>
      <c r="C58" s="2" t="s">
        <v>148</v>
      </c>
      <c r="D58" s="19">
        <v>22</v>
      </c>
      <c r="E58" s="20">
        <v>12</v>
      </c>
      <c r="F58" s="21">
        <v>10</v>
      </c>
      <c r="G58" s="22" t="s">
        <v>152</v>
      </c>
    </row>
    <row r="59" spans="2:7" x14ac:dyDescent="0.2">
      <c r="B59" s="29"/>
      <c r="C59" s="7"/>
      <c r="D59" s="23">
        <v>100</v>
      </c>
      <c r="E59" s="24">
        <v>54.54545454545454</v>
      </c>
      <c r="F59" s="25">
        <v>45.454545454545453</v>
      </c>
      <c r="G59" s="26" t="s">
        <v>152</v>
      </c>
    </row>
    <row r="60" spans="2:7" x14ac:dyDescent="0.2">
      <c r="B60" s="29"/>
      <c r="C60" s="2" t="s">
        <v>64</v>
      </c>
      <c r="D60" s="19">
        <v>51</v>
      </c>
      <c r="E60" s="20">
        <v>33</v>
      </c>
      <c r="F60" s="21">
        <v>17</v>
      </c>
      <c r="G60" s="22">
        <v>1</v>
      </c>
    </row>
    <row r="61" spans="2:7" x14ac:dyDescent="0.2">
      <c r="B61" s="29"/>
      <c r="C61" s="7"/>
      <c r="D61" s="23">
        <v>100</v>
      </c>
      <c r="E61" s="24">
        <v>64.7</v>
      </c>
      <c r="F61" s="25">
        <v>33.299999999999997</v>
      </c>
      <c r="G61" s="26">
        <v>2</v>
      </c>
    </row>
    <row r="62" spans="2:7" x14ac:dyDescent="0.2">
      <c r="B62" s="29"/>
      <c r="C62" s="2" t="s">
        <v>65</v>
      </c>
      <c r="D62" s="19">
        <v>88</v>
      </c>
      <c r="E62" s="20">
        <v>46</v>
      </c>
      <c r="F62" s="21">
        <v>41</v>
      </c>
      <c r="G62" s="22">
        <v>1</v>
      </c>
    </row>
    <row r="63" spans="2:7" x14ac:dyDescent="0.2">
      <c r="B63" s="29"/>
      <c r="C63" s="7"/>
      <c r="D63" s="23">
        <v>100</v>
      </c>
      <c r="E63" s="24">
        <v>52.3</v>
      </c>
      <c r="F63" s="25">
        <v>46.6</v>
      </c>
      <c r="G63" s="26">
        <v>1.1000000000000001</v>
      </c>
    </row>
    <row r="64" spans="2:7" x14ac:dyDescent="0.2">
      <c r="B64" s="29"/>
      <c r="C64" s="2" t="s">
        <v>66</v>
      </c>
      <c r="D64" s="19">
        <v>146</v>
      </c>
      <c r="E64" s="20">
        <v>91</v>
      </c>
      <c r="F64" s="21">
        <v>51</v>
      </c>
      <c r="G64" s="22">
        <v>4</v>
      </c>
    </row>
    <row r="65" spans="2:7" x14ac:dyDescent="0.2">
      <c r="B65" s="29"/>
      <c r="C65" s="7"/>
      <c r="D65" s="23">
        <v>100</v>
      </c>
      <c r="E65" s="24">
        <v>62.3</v>
      </c>
      <c r="F65" s="25">
        <v>34.9</v>
      </c>
      <c r="G65" s="26">
        <v>2.7</v>
      </c>
    </row>
    <row r="66" spans="2:7" x14ac:dyDescent="0.2">
      <c r="B66" s="29"/>
      <c r="C66" s="2" t="s">
        <v>67</v>
      </c>
      <c r="D66" s="19">
        <v>133</v>
      </c>
      <c r="E66" s="20">
        <v>81</v>
      </c>
      <c r="F66" s="21">
        <v>44</v>
      </c>
      <c r="G66" s="22">
        <v>8</v>
      </c>
    </row>
    <row r="67" spans="2:7" x14ac:dyDescent="0.2">
      <c r="B67" s="29"/>
      <c r="C67" s="7"/>
      <c r="D67" s="23">
        <v>100</v>
      </c>
      <c r="E67" s="24">
        <v>60.9</v>
      </c>
      <c r="F67" s="25">
        <v>33.1</v>
      </c>
      <c r="G67" s="26">
        <v>6</v>
      </c>
    </row>
    <row r="68" spans="2:7" x14ac:dyDescent="0.2">
      <c r="B68" s="29"/>
      <c r="C68" s="2" t="s">
        <v>58</v>
      </c>
      <c r="D68" s="19">
        <v>57</v>
      </c>
      <c r="E68" s="20">
        <v>35</v>
      </c>
      <c r="F68" s="21">
        <v>17</v>
      </c>
      <c r="G68" s="22">
        <v>5</v>
      </c>
    </row>
    <row r="69" spans="2:7" x14ac:dyDescent="0.2">
      <c r="B69" s="29"/>
      <c r="C69" s="7"/>
      <c r="D69" s="23">
        <v>100</v>
      </c>
      <c r="E69" s="24">
        <v>61.4</v>
      </c>
      <c r="F69" s="25">
        <v>29.8</v>
      </c>
      <c r="G69" s="26">
        <v>8.8000000000000007</v>
      </c>
    </row>
    <row r="70" spans="2:7" x14ac:dyDescent="0.2">
      <c r="B70" s="29"/>
      <c r="C70" s="2" t="s">
        <v>68</v>
      </c>
      <c r="D70" s="19">
        <v>65</v>
      </c>
      <c r="E70" s="20">
        <v>39</v>
      </c>
      <c r="F70" s="21">
        <v>19</v>
      </c>
      <c r="G70" s="22">
        <v>7</v>
      </c>
    </row>
    <row r="71" spans="2:7" x14ac:dyDescent="0.2">
      <c r="B71" s="29"/>
      <c r="C71" s="7"/>
      <c r="D71" s="23">
        <v>100</v>
      </c>
      <c r="E71" s="24">
        <v>60</v>
      </c>
      <c r="F71" s="25">
        <v>29.2</v>
      </c>
      <c r="G71" s="26">
        <v>10.8</v>
      </c>
    </row>
    <row r="72" spans="2:7" x14ac:dyDescent="0.2">
      <c r="B72" s="29"/>
      <c r="C72" s="2" t="s">
        <v>59</v>
      </c>
      <c r="D72" s="19">
        <v>1</v>
      </c>
      <c r="E72" s="20" t="s">
        <v>152</v>
      </c>
      <c r="F72" s="21">
        <v>1</v>
      </c>
      <c r="G72" s="22" t="s">
        <v>152</v>
      </c>
    </row>
    <row r="73" spans="2:7" x14ac:dyDescent="0.2">
      <c r="B73" s="29"/>
      <c r="C73" s="7"/>
      <c r="D73" s="23">
        <v>100</v>
      </c>
      <c r="E73" s="24" t="s">
        <v>152</v>
      </c>
      <c r="F73" s="25">
        <v>100</v>
      </c>
      <c r="G73" s="26" t="s">
        <v>152</v>
      </c>
    </row>
    <row r="74" spans="2:7" x14ac:dyDescent="0.2">
      <c r="B74" s="29"/>
      <c r="C74" s="2" t="s">
        <v>69</v>
      </c>
      <c r="D74" s="19">
        <v>29</v>
      </c>
      <c r="E74" s="20">
        <v>23</v>
      </c>
      <c r="F74" s="21">
        <v>5</v>
      </c>
      <c r="G74" s="22">
        <v>1</v>
      </c>
    </row>
    <row r="75" spans="2:7" x14ac:dyDescent="0.2">
      <c r="B75" s="29"/>
      <c r="C75" s="7"/>
      <c r="D75" s="23">
        <v>100</v>
      </c>
      <c r="E75" s="24">
        <v>79.3</v>
      </c>
      <c r="F75" s="25">
        <v>17.2</v>
      </c>
      <c r="G75" s="26">
        <v>3.4</v>
      </c>
    </row>
    <row r="76" spans="2:7" x14ac:dyDescent="0.2">
      <c r="B76" s="29"/>
      <c r="C76" s="2" t="s">
        <v>149</v>
      </c>
      <c r="D76" s="19">
        <v>30</v>
      </c>
      <c r="E76" s="20">
        <v>23</v>
      </c>
      <c r="F76" s="21">
        <v>6</v>
      </c>
      <c r="G76" s="22">
        <v>1</v>
      </c>
    </row>
    <row r="77" spans="2:7" x14ac:dyDescent="0.2">
      <c r="B77" s="29"/>
      <c r="C77" s="7"/>
      <c r="D77" s="23">
        <v>100</v>
      </c>
      <c r="E77" s="24">
        <v>76.666666666666671</v>
      </c>
      <c r="F77" s="25">
        <v>20</v>
      </c>
      <c r="G77" s="26">
        <v>3.3333333333333335</v>
      </c>
    </row>
    <row r="78" spans="2:7" x14ac:dyDescent="0.2">
      <c r="B78" s="29"/>
      <c r="C78" s="2" t="s">
        <v>70</v>
      </c>
      <c r="D78" s="19">
        <v>64</v>
      </c>
      <c r="E78" s="20">
        <v>40</v>
      </c>
      <c r="F78" s="21">
        <v>23</v>
      </c>
      <c r="G78" s="22">
        <v>1</v>
      </c>
    </row>
    <row r="79" spans="2:7" x14ac:dyDescent="0.2">
      <c r="B79" s="29"/>
      <c r="C79" s="7"/>
      <c r="D79" s="23">
        <v>100</v>
      </c>
      <c r="E79" s="24">
        <v>62.5</v>
      </c>
      <c r="F79" s="25">
        <v>35.9</v>
      </c>
      <c r="G79" s="26">
        <v>1.6</v>
      </c>
    </row>
    <row r="80" spans="2:7" x14ac:dyDescent="0.2">
      <c r="B80" s="29"/>
      <c r="C80" s="2" t="s">
        <v>71</v>
      </c>
      <c r="D80" s="19">
        <v>112</v>
      </c>
      <c r="E80" s="20">
        <v>56</v>
      </c>
      <c r="F80" s="21">
        <v>47</v>
      </c>
      <c r="G80" s="22">
        <v>9</v>
      </c>
    </row>
    <row r="81" spans="2:7" x14ac:dyDescent="0.2">
      <c r="B81" s="29"/>
      <c r="C81" s="7"/>
      <c r="D81" s="23">
        <v>100</v>
      </c>
      <c r="E81" s="24">
        <v>50</v>
      </c>
      <c r="F81" s="25">
        <v>42</v>
      </c>
      <c r="G81" s="26">
        <v>8</v>
      </c>
    </row>
    <row r="82" spans="2:7" x14ac:dyDescent="0.2">
      <c r="B82" s="29"/>
      <c r="C82" s="2" t="s">
        <v>72</v>
      </c>
      <c r="D82" s="19">
        <v>137</v>
      </c>
      <c r="E82" s="20">
        <v>86</v>
      </c>
      <c r="F82" s="21">
        <v>45</v>
      </c>
      <c r="G82" s="22">
        <v>6</v>
      </c>
    </row>
    <row r="83" spans="2:7" x14ac:dyDescent="0.2">
      <c r="B83" s="29"/>
      <c r="C83" s="7"/>
      <c r="D83" s="23">
        <v>100</v>
      </c>
      <c r="E83" s="24">
        <v>62.8</v>
      </c>
      <c r="F83" s="25">
        <v>32.799999999999997</v>
      </c>
      <c r="G83" s="26">
        <v>4.4000000000000004</v>
      </c>
    </row>
    <row r="84" spans="2:7" x14ac:dyDescent="0.2">
      <c r="B84" s="29"/>
      <c r="C84" s="2" t="s">
        <v>73</v>
      </c>
      <c r="D84" s="19">
        <v>112</v>
      </c>
      <c r="E84" s="20">
        <v>69</v>
      </c>
      <c r="F84" s="21">
        <v>33</v>
      </c>
      <c r="G84" s="22">
        <v>10</v>
      </c>
    </row>
    <row r="85" spans="2:7" x14ac:dyDescent="0.2">
      <c r="B85" s="29"/>
      <c r="C85" s="7"/>
      <c r="D85" s="23">
        <v>100</v>
      </c>
      <c r="E85" s="24">
        <v>61.6</v>
      </c>
      <c r="F85" s="25">
        <v>29.5</v>
      </c>
      <c r="G85" s="26">
        <v>8.9</v>
      </c>
    </row>
    <row r="86" spans="2:7" x14ac:dyDescent="0.2">
      <c r="B86" s="29"/>
      <c r="C86" s="2" t="s">
        <v>60</v>
      </c>
      <c r="D86" s="19">
        <v>66</v>
      </c>
      <c r="E86" s="20">
        <v>43</v>
      </c>
      <c r="F86" s="21">
        <v>16</v>
      </c>
      <c r="G86" s="22">
        <v>7</v>
      </c>
    </row>
    <row r="87" spans="2:7" x14ac:dyDescent="0.2">
      <c r="B87" s="29"/>
      <c r="C87" s="7"/>
      <c r="D87" s="23">
        <v>100</v>
      </c>
      <c r="E87" s="24">
        <v>65.2</v>
      </c>
      <c r="F87" s="25">
        <v>24.2</v>
      </c>
      <c r="G87" s="26">
        <v>10.6</v>
      </c>
    </row>
    <row r="88" spans="2:7" x14ac:dyDescent="0.2">
      <c r="B88" s="29"/>
      <c r="C88" s="2" t="s">
        <v>74</v>
      </c>
      <c r="D88" s="19">
        <v>83</v>
      </c>
      <c r="E88" s="20">
        <v>44</v>
      </c>
      <c r="F88" s="21">
        <v>26</v>
      </c>
      <c r="G88" s="22">
        <v>13</v>
      </c>
    </row>
    <row r="89" spans="2:7" x14ac:dyDescent="0.2">
      <c r="B89" s="29"/>
      <c r="C89" s="7"/>
      <c r="D89" s="23">
        <v>100</v>
      </c>
      <c r="E89" s="24">
        <v>53</v>
      </c>
      <c r="F89" s="25">
        <v>31.3</v>
      </c>
      <c r="G89" s="26">
        <v>15.7</v>
      </c>
    </row>
    <row r="90" spans="2:7" x14ac:dyDescent="0.2">
      <c r="B90" s="29"/>
      <c r="C90" s="2" t="s">
        <v>0</v>
      </c>
      <c r="D90" s="19">
        <v>75</v>
      </c>
      <c r="E90" s="20">
        <v>39</v>
      </c>
      <c r="F90" s="21">
        <v>21</v>
      </c>
      <c r="G90" s="22">
        <v>15</v>
      </c>
    </row>
    <row r="91" spans="2:7" x14ac:dyDescent="0.2">
      <c r="B91" s="29"/>
      <c r="C91" s="7"/>
      <c r="D91" s="23">
        <v>100</v>
      </c>
      <c r="E91" s="24">
        <v>52</v>
      </c>
      <c r="F91" s="25">
        <v>28</v>
      </c>
      <c r="G91" s="26">
        <v>20</v>
      </c>
    </row>
    <row r="92" spans="2:7" x14ac:dyDescent="0.2">
      <c r="B92" s="28" t="s">
        <v>32</v>
      </c>
      <c r="C92" s="9" t="s">
        <v>12</v>
      </c>
      <c r="D92" s="11">
        <v>1241</v>
      </c>
      <c r="E92" s="12">
        <v>737</v>
      </c>
      <c r="F92" s="13">
        <v>416</v>
      </c>
      <c r="G92" s="14">
        <v>88</v>
      </c>
    </row>
    <row r="93" spans="2:7" x14ac:dyDescent="0.2">
      <c r="B93" s="29"/>
      <c r="C93" s="8"/>
      <c r="D93" s="15">
        <v>100</v>
      </c>
      <c r="E93" s="16">
        <v>59.4</v>
      </c>
      <c r="F93" s="17">
        <v>33.5</v>
      </c>
      <c r="G93" s="18">
        <v>7.1</v>
      </c>
    </row>
    <row r="94" spans="2:7" x14ac:dyDescent="0.2">
      <c r="B94" s="29"/>
      <c r="C94" s="2" t="s">
        <v>21</v>
      </c>
      <c r="D94" s="19">
        <v>65</v>
      </c>
      <c r="E94" s="20">
        <v>42</v>
      </c>
      <c r="F94" s="21">
        <v>19</v>
      </c>
      <c r="G94" s="22">
        <v>4</v>
      </c>
    </row>
    <row r="95" spans="2:7" x14ac:dyDescent="0.2">
      <c r="B95" s="29"/>
      <c r="C95" s="7"/>
      <c r="D95" s="23">
        <v>100</v>
      </c>
      <c r="E95" s="24">
        <v>64.599999999999994</v>
      </c>
      <c r="F95" s="25">
        <v>29.2</v>
      </c>
      <c r="G95" s="26">
        <v>6.2</v>
      </c>
    </row>
    <row r="96" spans="2:7" x14ac:dyDescent="0.2">
      <c r="B96" s="29"/>
      <c r="C96" s="2" t="s">
        <v>20</v>
      </c>
      <c r="D96" s="19">
        <v>7</v>
      </c>
      <c r="E96" s="20">
        <v>7</v>
      </c>
      <c r="F96" s="21" t="s">
        <v>152</v>
      </c>
      <c r="G96" s="22" t="s">
        <v>152</v>
      </c>
    </row>
    <row r="97" spans="2:7" x14ac:dyDescent="0.2">
      <c r="B97" s="29"/>
      <c r="C97" s="7"/>
      <c r="D97" s="23">
        <v>100</v>
      </c>
      <c r="E97" s="24">
        <v>100</v>
      </c>
      <c r="F97" s="25" t="s">
        <v>152</v>
      </c>
      <c r="G97" s="26" t="s">
        <v>152</v>
      </c>
    </row>
    <row r="98" spans="2:7" x14ac:dyDescent="0.2">
      <c r="B98" s="29"/>
      <c r="C98" s="2" t="s">
        <v>19</v>
      </c>
      <c r="D98" s="19">
        <v>484</v>
      </c>
      <c r="E98" s="20">
        <v>288</v>
      </c>
      <c r="F98" s="21">
        <v>179</v>
      </c>
      <c r="G98" s="22">
        <v>17</v>
      </c>
    </row>
    <row r="99" spans="2:7" x14ac:dyDescent="0.2">
      <c r="B99" s="29"/>
      <c r="C99" s="7"/>
      <c r="D99" s="23">
        <v>100</v>
      </c>
      <c r="E99" s="24">
        <v>59.5</v>
      </c>
      <c r="F99" s="25">
        <v>37</v>
      </c>
      <c r="G99" s="26">
        <v>3.5</v>
      </c>
    </row>
    <row r="100" spans="2:7" x14ac:dyDescent="0.2">
      <c r="B100" s="29"/>
      <c r="C100" s="2" t="s">
        <v>18</v>
      </c>
      <c r="D100" s="19">
        <v>195</v>
      </c>
      <c r="E100" s="20">
        <v>113</v>
      </c>
      <c r="F100" s="21">
        <v>69</v>
      </c>
      <c r="G100" s="22">
        <v>13</v>
      </c>
    </row>
    <row r="101" spans="2:7" x14ac:dyDescent="0.2">
      <c r="B101" s="29"/>
      <c r="C101" s="7"/>
      <c r="D101" s="23">
        <v>100</v>
      </c>
      <c r="E101" s="24">
        <v>57.9</v>
      </c>
      <c r="F101" s="25">
        <v>35.4</v>
      </c>
      <c r="G101" s="26">
        <v>6.7</v>
      </c>
    </row>
    <row r="102" spans="2:7" x14ac:dyDescent="0.2">
      <c r="B102" s="29"/>
      <c r="C102" s="2" t="s">
        <v>17</v>
      </c>
      <c r="D102" s="19">
        <v>1</v>
      </c>
      <c r="E102" s="20" t="s">
        <v>152</v>
      </c>
      <c r="F102" s="21">
        <v>1</v>
      </c>
      <c r="G102" s="22" t="s">
        <v>152</v>
      </c>
    </row>
    <row r="103" spans="2:7" x14ac:dyDescent="0.2">
      <c r="B103" s="29"/>
      <c r="C103" s="7"/>
      <c r="D103" s="23">
        <v>100</v>
      </c>
      <c r="E103" s="24" t="s">
        <v>152</v>
      </c>
      <c r="F103" s="25">
        <v>100</v>
      </c>
      <c r="G103" s="26" t="s">
        <v>152</v>
      </c>
    </row>
    <row r="104" spans="2:7" x14ac:dyDescent="0.2">
      <c r="B104" s="29"/>
      <c r="C104" s="2" t="s">
        <v>151</v>
      </c>
      <c r="D104" s="19">
        <v>178</v>
      </c>
      <c r="E104" s="20">
        <v>107</v>
      </c>
      <c r="F104" s="21">
        <v>58</v>
      </c>
      <c r="G104" s="22">
        <v>13</v>
      </c>
    </row>
    <row r="105" spans="2:7" x14ac:dyDescent="0.2">
      <c r="B105" s="29"/>
      <c r="C105" s="7"/>
      <c r="D105" s="23">
        <v>100</v>
      </c>
      <c r="E105" s="24">
        <v>60.1</v>
      </c>
      <c r="F105" s="25">
        <v>32.6</v>
      </c>
      <c r="G105" s="26">
        <v>7.3</v>
      </c>
    </row>
    <row r="106" spans="2:7" x14ac:dyDescent="0.2">
      <c r="B106" s="29"/>
      <c r="C106" s="2" t="s">
        <v>16</v>
      </c>
      <c r="D106" s="19">
        <v>10</v>
      </c>
      <c r="E106" s="20">
        <v>7</v>
      </c>
      <c r="F106" s="21">
        <v>3</v>
      </c>
      <c r="G106" s="22" t="s">
        <v>152</v>
      </c>
    </row>
    <row r="107" spans="2:7" x14ac:dyDescent="0.2">
      <c r="B107" s="29"/>
      <c r="C107" s="7"/>
      <c r="D107" s="23">
        <v>100</v>
      </c>
      <c r="E107" s="24">
        <v>70</v>
      </c>
      <c r="F107" s="25">
        <v>30</v>
      </c>
      <c r="G107" s="26" t="s">
        <v>152</v>
      </c>
    </row>
    <row r="108" spans="2:7" x14ac:dyDescent="0.2">
      <c r="B108" s="29"/>
      <c r="C108" s="2" t="s">
        <v>15</v>
      </c>
      <c r="D108" s="19">
        <v>211</v>
      </c>
      <c r="E108" s="20">
        <v>128</v>
      </c>
      <c r="F108" s="21">
        <v>62</v>
      </c>
      <c r="G108" s="22">
        <v>21</v>
      </c>
    </row>
    <row r="109" spans="2:7" x14ac:dyDescent="0.2">
      <c r="B109" s="29"/>
      <c r="C109" s="7"/>
      <c r="D109" s="23">
        <v>100</v>
      </c>
      <c r="E109" s="24">
        <v>60.7</v>
      </c>
      <c r="F109" s="25">
        <v>29.4</v>
      </c>
      <c r="G109" s="26">
        <v>10</v>
      </c>
    </row>
    <row r="110" spans="2:7" x14ac:dyDescent="0.2">
      <c r="B110" s="29"/>
      <c r="C110" s="2" t="s">
        <v>14</v>
      </c>
      <c r="D110" s="19">
        <v>12</v>
      </c>
      <c r="E110" s="20">
        <v>5</v>
      </c>
      <c r="F110" s="21">
        <v>5</v>
      </c>
      <c r="G110" s="22">
        <v>2</v>
      </c>
    </row>
    <row r="111" spans="2:7" x14ac:dyDescent="0.2">
      <c r="B111" s="29"/>
      <c r="C111" s="7"/>
      <c r="D111" s="23">
        <v>100</v>
      </c>
      <c r="E111" s="24">
        <v>41.7</v>
      </c>
      <c r="F111" s="25">
        <v>41.7</v>
      </c>
      <c r="G111" s="26">
        <v>16.7</v>
      </c>
    </row>
    <row r="112" spans="2:7" x14ac:dyDescent="0.2">
      <c r="B112" s="29"/>
      <c r="C112" s="2" t="s">
        <v>13</v>
      </c>
      <c r="D112" s="19">
        <v>78</v>
      </c>
      <c r="E112" s="20">
        <v>40</v>
      </c>
      <c r="F112" s="21">
        <v>20</v>
      </c>
      <c r="G112" s="22">
        <v>18</v>
      </c>
    </row>
    <row r="113" spans="2:7" x14ac:dyDescent="0.2">
      <c r="B113" s="30"/>
      <c r="C113" s="10"/>
      <c r="D113" s="15">
        <v>100</v>
      </c>
      <c r="E113" s="16">
        <v>51.3</v>
      </c>
      <c r="F113" s="17">
        <v>25.6</v>
      </c>
      <c r="G113" s="18">
        <v>23.1</v>
      </c>
    </row>
    <row r="114" spans="2:7" x14ac:dyDescent="0.2">
      <c r="B114" s="28" t="s">
        <v>31</v>
      </c>
      <c r="C114" s="9" t="s">
        <v>12</v>
      </c>
      <c r="D114" s="11">
        <v>752</v>
      </c>
      <c r="E114" s="12">
        <v>450</v>
      </c>
      <c r="F114" s="13">
        <v>268</v>
      </c>
      <c r="G114" s="14">
        <v>34</v>
      </c>
    </row>
    <row r="115" spans="2:7" x14ac:dyDescent="0.2">
      <c r="B115" s="29"/>
      <c r="C115" s="8"/>
      <c r="D115" s="15">
        <v>100</v>
      </c>
      <c r="E115" s="16">
        <v>59.8</v>
      </c>
      <c r="F115" s="17">
        <v>35.6</v>
      </c>
      <c r="G115" s="18">
        <v>4.5</v>
      </c>
    </row>
    <row r="116" spans="2:7" x14ac:dyDescent="0.2">
      <c r="B116" s="29"/>
      <c r="C116" s="2" t="s">
        <v>11</v>
      </c>
      <c r="D116" s="19">
        <v>2</v>
      </c>
      <c r="E116" s="20">
        <v>2</v>
      </c>
      <c r="F116" s="21" t="s">
        <v>152</v>
      </c>
      <c r="G116" s="22" t="s">
        <v>152</v>
      </c>
    </row>
    <row r="117" spans="2:7" x14ac:dyDescent="0.2">
      <c r="B117" s="29"/>
      <c r="C117" s="7"/>
      <c r="D117" s="23">
        <v>100</v>
      </c>
      <c r="E117" s="24">
        <v>100</v>
      </c>
      <c r="F117" s="25" t="s">
        <v>152</v>
      </c>
      <c r="G117" s="26" t="s">
        <v>152</v>
      </c>
    </row>
    <row r="118" spans="2:7" x14ac:dyDescent="0.2">
      <c r="B118" s="29"/>
      <c r="C118" s="2" t="s">
        <v>10</v>
      </c>
      <c r="D118" s="19">
        <v>32</v>
      </c>
      <c r="E118" s="20">
        <v>19</v>
      </c>
      <c r="F118" s="21">
        <v>11</v>
      </c>
      <c r="G118" s="22">
        <v>2</v>
      </c>
    </row>
    <row r="119" spans="2:7" x14ac:dyDescent="0.2">
      <c r="B119" s="29"/>
      <c r="C119" s="7"/>
      <c r="D119" s="23">
        <v>100</v>
      </c>
      <c r="E119" s="24">
        <v>59.4</v>
      </c>
      <c r="F119" s="25">
        <v>34.4</v>
      </c>
      <c r="G119" s="26">
        <v>6.3</v>
      </c>
    </row>
    <row r="120" spans="2:7" x14ac:dyDescent="0.2">
      <c r="B120" s="29"/>
      <c r="C120" s="2" t="s">
        <v>9</v>
      </c>
      <c r="D120" s="19">
        <v>33</v>
      </c>
      <c r="E120" s="20">
        <v>23</v>
      </c>
      <c r="F120" s="21">
        <v>8</v>
      </c>
      <c r="G120" s="22">
        <v>2</v>
      </c>
    </row>
    <row r="121" spans="2:7" x14ac:dyDescent="0.2">
      <c r="B121" s="29"/>
      <c r="C121" s="7"/>
      <c r="D121" s="23">
        <v>100</v>
      </c>
      <c r="E121" s="24">
        <v>69.7</v>
      </c>
      <c r="F121" s="25">
        <v>24.2</v>
      </c>
      <c r="G121" s="26">
        <v>6.1</v>
      </c>
    </row>
    <row r="122" spans="2:7" x14ac:dyDescent="0.2">
      <c r="B122" s="29"/>
      <c r="C122" s="2" t="s">
        <v>8</v>
      </c>
      <c r="D122" s="19">
        <v>71</v>
      </c>
      <c r="E122" s="20">
        <v>44</v>
      </c>
      <c r="F122" s="21">
        <v>26</v>
      </c>
      <c r="G122" s="22">
        <v>1</v>
      </c>
    </row>
    <row r="123" spans="2:7" x14ac:dyDescent="0.2">
      <c r="B123" s="29"/>
      <c r="C123" s="7"/>
      <c r="D123" s="23">
        <v>100</v>
      </c>
      <c r="E123" s="24">
        <v>62</v>
      </c>
      <c r="F123" s="25">
        <v>36.6</v>
      </c>
      <c r="G123" s="26">
        <v>1.4</v>
      </c>
    </row>
    <row r="124" spans="2:7" x14ac:dyDescent="0.2">
      <c r="B124" s="29"/>
      <c r="C124" s="2" t="s">
        <v>7</v>
      </c>
      <c r="D124" s="19">
        <v>152</v>
      </c>
      <c r="E124" s="20">
        <v>89</v>
      </c>
      <c r="F124" s="21">
        <v>57</v>
      </c>
      <c r="G124" s="22">
        <v>6</v>
      </c>
    </row>
    <row r="125" spans="2:7" x14ac:dyDescent="0.2">
      <c r="B125" s="29"/>
      <c r="C125" s="7"/>
      <c r="D125" s="23">
        <v>100</v>
      </c>
      <c r="E125" s="24">
        <v>58.6</v>
      </c>
      <c r="F125" s="25">
        <v>37.5</v>
      </c>
      <c r="G125" s="26">
        <v>3.9</v>
      </c>
    </row>
    <row r="126" spans="2:7" x14ac:dyDescent="0.2">
      <c r="B126" s="29"/>
      <c r="C126" s="2" t="s">
        <v>6</v>
      </c>
      <c r="D126" s="19">
        <v>176</v>
      </c>
      <c r="E126" s="20">
        <v>106</v>
      </c>
      <c r="F126" s="21">
        <v>60</v>
      </c>
      <c r="G126" s="22">
        <v>10</v>
      </c>
    </row>
    <row r="127" spans="2:7" x14ac:dyDescent="0.2">
      <c r="B127" s="29"/>
      <c r="C127" s="7"/>
      <c r="D127" s="23">
        <v>100</v>
      </c>
      <c r="E127" s="24">
        <v>60.2</v>
      </c>
      <c r="F127" s="25">
        <v>34.1</v>
      </c>
      <c r="G127" s="26">
        <v>5.7</v>
      </c>
    </row>
    <row r="128" spans="2:7" x14ac:dyDescent="0.2">
      <c r="B128" s="29"/>
      <c r="C128" s="2" t="s">
        <v>5</v>
      </c>
      <c r="D128" s="19">
        <v>37</v>
      </c>
      <c r="E128" s="20">
        <v>24</v>
      </c>
      <c r="F128" s="21">
        <v>12</v>
      </c>
      <c r="G128" s="22">
        <v>1</v>
      </c>
    </row>
    <row r="129" spans="2:7" x14ac:dyDescent="0.2">
      <c r="B129" s="29"/>
      <c r="C129" s="7"/>
      <c r="D129" s="23">
        <v>100</v>
      </c>
      <c r="E129" s="24">
        <v>64.900000000000006</v>
      </c>
      <c r="F129" s="25">
        <v>32.4</v>
      </c>
      <c r="G129" s="26">
        <v>2.7</v>
      </c>
    </row>
    <row r="130" spans="2:7" x14ac:dyDescent="0.2">
      <c r="B130" s="29"/>
      <c r="C130" s="2" t="s">
        <v>4</v>
      </c>
      <c r="D130" s="19">
        <v>67</v>
      </c>
      <c r="E130" s="20">
        <v>34</v>
      </c>
      <c r="F130" s="21">
        <v>33</v>
      </c>
      <c r="G130" s="22" t="s">
        <v>152</v>
      </c>
    </row>
    <row r="131" spans="2:7" x14ac:dyDescent="0.2">
      <c r="B131" s="29"/>
      <c r="C131" s="7"/>
      <c r="D131" s="23">
        <v>100</v>
      </c>
      <c r="E131" s="24">
        <v>50.7</v>
      </c>
      <c r="F131" s="25">
        <v>49.3</v>
      </c>
      <c r="G131" s="26" t="s">
        <v>152</v>
      </c>
    </row>
    <row r="132" spans="2:7" x14ac:dyDescent="0.2">
      <c r="B132" s="29"/>
      <c r="C132" s="2" t="s">
        <v>3</v>
      </c>
      <c r="D132" s="19">
        <v>159</v>
      </c>
      <c r="E132" s="20">
        <v>94</v>
      </c>
      <c r="F132" s="21">
        <v>54</v>
      </c>
      <c r="G132" s="22">
        <v>11</v>
      </c>
    </row>
    <row r="133" spans="2:7" x14ac:dyDescent="0.2">
      <c r="B133" s="29"/>
      <c r="C133" s="7"/>
      <c r="D133" s="23">
        <v>100</v>
      </c>
      <c r="E133" s="24">
        <v>59.1</v>
      </c>
      <c r="F133" s="25">
        <v>34</v>
      </c>
      <c r="G133" s="26">
        <v>6.9</v>
      </c>
    </row>
    <row r="134" spans="2:7" x14ac:dyDescent="0.2">
      <c r="B134" s="29"/>
      <c r="C134" s="2" t="s">
        <v>2</v>
      </c>
      <c r="D134" s="19">
        <v>23</v>
      </c>
      <c r="E134" s="20">
        <v>15</v>
      </c>
      <c r="F134" s="21">
        <v>7</v>
      </c>
      <c r="G134" s="22">
        <v>1</v>
      </c>
    </row>
    <row r="135" spans="2:7" x14ac:dyDescent="0.2">
      <c r="B135" s="30"/>
      <c r="C135" s="10"/>
      <c r="D135" s="15">
        <v>100</v>
      </c>
      <c r="E135" s="16">
        <v>65.2</v>
      </c>
      <c r="F135" s="17">
        <v>30.4</v>
      </c>
      <c r="G135" s="18">
        <v>4.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64</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737</v>
      </c>
      <c r="F4" s="13">
        <v>416</v>
      </c>
      <c r="G4" s="14">
        <v>88</v>
      </c>
    </row>
    <row r="5" spans="2:7" x14ac:dyDescent="0.2">
      <c r="B5" s="29"/>
      <c r="C5" s="8"/>
      <c r="D5" s="15">
        <v>100</v>
      </c>
      <c r="E5" s="16">
        <v>59.4</v>
      </c>
      <c r="F5" s="17">
        <v>33.5</v>
      </c>
      <c r="G5" s="18">
        <v>7.1</v>
      </c>
    </row>
    <row r="6" spans="2:7" x14ac:dyDescent="0.2">
      <c r="B6" s="29"/>
      <c r="C6" s="2" t="s">
        <v>52</v>
      </c>
      <c r="D6" s="19">
        <v>557</v>
      </c>
      <c r="E6" s="20">
        <v>337</v>
      </c>
      <c r="F6" s="21">
        <v>180</v>
      </c>
      <c r="G6" s="22">
        <v>40</v>
      </c>
    </row>
    <row r="7" spans="2:7" x14ac:dyDescent="0.2">
      <c r="B7" s="29"/>
      <c r="C7" s="7"/>
      <c r="D7" s="23">
        <v>100</v>
      </c>
      <c r="E7" s="24">
        <v>60.5</v>
      </c>
      <c r="F7" s="25">
        <v>32.299999999999997</v>
      </c>
      <c r="G7" s="26">
        <v>7.2</v>
      </c>
    </row>
    <row r="8" spans="2:7" x14ac:dyDescent="0.2">
      <c r="B8" s="29"/>
      <c r="C8" s="2" t="s">
        <v>51</v>
      </c>
      <c r="D8" s="19">
        <v>595</v>
      </c>
      <c r="E8" s="20">
        <v>350</v>
      </c>
      <c r="F8" s="21">
        <v>214</v>
      </c>
      <c r="G8" s="22">
        <v>31</v>
      </c>
    </row>
    <row r="9" spans="2:7" x14ac:dyDescent="0.2">
      <c r="B9" s="29"/>
      <c r="C9" s="7"/>
      <c r="D9" s="23">
        <v>100</v>
      </c>
      <c r="E9" s="24">
        <v>58.8</v>
      </c>
      <c r="F9" s="25">
        <v>36</v>
      </c>
      <c r="G9" s="26">
        <v>5.2</v>
      </c>
    </row>
    <row r="10" spans="2:7" x14ac:dyDescent="0.2">
      <c r="B10" s="29"/>
      <c r="C10" s="2" t="s">
        <v>13</v>
      </c>
      <c r="D10" s="19">
        <v>89</v>
      </c>
      <c r="E10" s="20">
        <v>50</v>
      </c>
      <c r="F10" s="21">
        <v>22</v>
      </c>
      <c r="G10" s="22">
        <v>17</v>
      </c>
    </row>
    <row r="11" spans="2:7" x14ac:dyDescent="0.2">
      <c r="B11" s="30"/>
      <c r="C11" s="10"/>
      <c r="D11" s="15">
        <v>100</v>
      </c>
      <c r="E11" s="16">
        <v>56.2</v>
      </c>
      <c r="F11" s="17">
        <v>24.7</v>
      </c>
      <c r="G11" s="18">
        <v>19.100000000000001</v>
      </c>
    </row>
    <row r="12" spans="2:7" x14ac:dyDescent="0.2">
      <c r="B12" s="28" t="s">
        <v>54</v>
      </c>
      <c r="C12" s="9" t="s">
        <v>12</v>
      </c>
      <c r="D12" s="11">
        <v>1241</v>
      </c>
      <c r="E12" s="12">
        <v>737</v>
      </c>
      <c r="F12" s="13">
        <v>416</v>
      </c>
      <c r="G12" s="14">
        <v>88</v>
      </c>
    </row>
    <row r="13" spans="2:7" x14ac:dyDescent="0.2">
      <c r="B13" s="29"/>
      <c r="C13" s="8"/>
      <c r="D13" s="15">
        <v>100</v>
      </c>
      <c r="E13" s="16">
        <v>59.4</v>
      </c>
      <c r="F13" s="17">
        <v>33.5</v>
      </c>
      <c r="G13" s="18">
        <v>7.1</v>
      </c>
    </row>
    <row r="14" spans="2:7" x14ac:dyDescent="0.2">
      <c r="B14" s="29"/>
      <c r="C14" s="2" t="s">
        <v>50</v>
      </c>
      <c r="D14" s="19">
        <v>84</v>
      </c>
      <c r="E14" s="20">
        <v>53</v>
      </c>
      <c r="F14" s="21">
        <v>30</v>
      </c>
      <c r="G14" s="22">
        <v>1</v>
      </c>
    </row>
    <row r="15" spans="2:7" x14ac:dyDescent="0.2">
      <c r="B15" s="29"/>
      <c r="C15" s="7"/>
      <c r="D15" s="23">
        <v>100</v>
      </c>
      <c r="E15" s="24">
        <v>63.1</v>
      </c>
      <c r="F15" s="25">
        <v>35.700000000000003</v>
      </c>
      <c r="G15" s="26">
        <v>1.2</v>
      </c>
    </row>
    <row r="16" spans="2:7" x14ac:dyDescent="0.2">
      <c r="B16" s="29"/>
      <c r="C16" s="2" t="s">
        <v>49</v>
      </c>
      <c r="D16" s="19">
        <v>97</v>
      </c>
      <c r="E16" s="20">
        <v>65</v>
      </c>
      <c r="F16" s="21">
        <v>31</v>
      </c>
      <c r="G16" s="22">
        <v>1</v>
      </c>
    </row>
    <row r="17" spans="2:7" x14ac:dyDescent="0.2">
      <c r="B17" s="29"/>
      <c r="C17" s="7"/>
      <c r="D17" s="23">
        <v>100</v>
      </c>
      <c r="E17" s="24">
        <v>67</v>
      </c>
      <c r="F17" s="25">
        <v>32</v>
      </c>
      <c r="G17" s="26">
        <v>1</v>
      </c>
    </row>
    <row r="18" spans="2:7" x14ac:dyDescent="0.2">
      <c r="B18" s="29"/>
      <c r="C18" s="2" t="s">
        <v>48</v>
      </c>
      <c r="D18" s="19">
        <v>79</v>
      </c>
      <c r="E18" s="20">
        <v>46</v>
      </c>
      <c r="F18" s="21">
        <v>30</v>
      </c>
      <c r="G18" s="22">
        <v>3</v>
      </c>
    </row>
    <row r="19" spans="2:7" x14ac:dyDescent="0.2">
      <c r="B19" s="29"/>
      <c r="C19" s="7"/>
      <c r="D19" s="23">
        <v>100</v>
      </c>
      <c r="E19" s="24">
        <v>58.2</v>
      </c>
      <c r="F19" s="25">
        <v>38</v>
      </c>
      <c r="G19" s="26">
        <v>3.8</v>
      </c>
    </row>
    <row r="20" spans="2:7" x14ac:dyDescent="0.2">
      <c r="B20" s="29"/>
      <c r="C20" s="2" t="s">
        <v>47</v>
      </c>
      <c r="D20" s="19">
        <v>72</v>
      </c>
      <c r="E20" s="20">
        <v>41</v>
      </c>
      <c r="F20" s="21">
        <v>30</v>
      </c>
      <c r="G20" s="22">
        <v>1</v>
      </c>
    </row>
    <row r="21" spans="2:7" x14ac:dyDescent="0.2">
      <c r="B21" s="29"/>
      <c r="C21" s="7"/>
      <c r="D21" s="23">
        <v>100</v>
      </c>
      <c r="E21" s="24">
        <v>56.9</v>
      </c>
      <c r="F21" s="25">
        <v>41.7</v>
      </c>
      <c r="G21" s="26">
        <v>1.4</v>
      </c>
    </row>
    <row r="22" spans="2:7" x14ac:dyDescent="0.2">
      <c r="B22" s="29"/>
      <c r="C22" s="2" t="s">
        <v>46</v>
      </c>
      <c r="D22" s="19">
        <v>15</v>
      </c>
      <c r="E22" s="20">
        <v>9</v>
      </c>
      <c r="F22" s="21">
        <v>5</v>
      </c>
      <c r="G22" s="22">
        <v>1</v>
      </c>
    </row>
    <row r="23" spans="2:7" x14ac:dyDescent="0.2">
      <c r="B23" s="29"/>
      <c r="C23" s="7"/>
      <c r="D23" s="23">
        <v>100</v>
      </c>
      <c r="E23" s="24">
        <v>60</v>
      </c>
      <c r="F23" s="25">
        <v>33.299999999999997</v>
      </c>
      <c r="G23" s="26">
        <v>6.7</v>
      </c>
    </row>
    <row r="24" spans="2:7" x14ac:dyDescent="0.2">
      <c r="B24" s="29"/>
      <c r="C24" s="2" t="s">
        <v>45</v>
      </c>
      <c r="D24" s="19">
        <v>77</v>
      </c>
      <c r="E24" s="20">
        <v>43</v>
      </c>
      <c r="F24" s="21">
        <v>30</v>
      </c>
      <c r="G24" s="22">
        <v>4</v>
      </c>
    </row>
    <row r="25" spans="2:7" x14ac:dyDescent="0.2">
      <c r="B25" s="29"/>
      <c r="C25" s="7"/>
      <c r="D25" s="23">
        <v>100</v>
      </c>
      <c r="E25" s="24">
        <v>55.8</v>
      </c>
      <c r="F25" s="25">
        <v>39</v>
      </c>
      <c r="G25" s="26">
        <v>5.2</v>
      </c>
    </row>
    <row r="26" spans="2:7" x14ac:dyDescent="0.2">
      <c r="B26" s="29"/>
      <c r="C26" s="2" t="s">
        <v>44</v>
      </c>
      <c r="D26" s="19">
        <v>260</v>
      </c>
      <c r="E26" s="20">
        <v>159</v>
      </c>
      <c r="F26" s="21">
        <v>82</v>
      </c>
      <c r="G26" s="22">
        <v>19</v>
      </c>
    </row>
    <row r="27" spans="2:7" x14ac:dyDescent="0.2">
      <c r="B27" s="29"/>
      <c r="C27" s="7"/>
      <c r="D27" s="23">
        <v>100</v>
      </c>
      <c r="E27" s="24">
        <v>61.2</v>
      </c>
      <c r="F27" s="25">
        <v>31.5</v>
      </c>
      <c r="G27" s="26">
        <v>7.3</v>
      </c>
    </row>
    <row r="28" spans="2:7" x14ac:dyDescent="0.2">
      <c r="B28" s="29"/>
      <c r="C28" s="2" t="s">
        <v>43</v>
      </c>
      <c r="D28" s="19">
        <v>334</v>
      </c>
      <c r="E28" s="20">
        <v>205</v>
      </c>
      <c r="F28" s="21">
        <v>101</v>
      </c>
      <c r="G28" s="22">
        <v>28</v>
      </c>
    </row>
    <row r="29" spans="2:7" x14ac:dyDescent="0.2">
      <c r="B29" s="29"/>
      <c r="C29" s="7"/>
      <c r="D29" s="23">
        <v>100</v>
      </c>
      <c r="E29" s="24">
        <v>61.4</v>
      </c>
      <c r="F29" s="25">
        <v>30.2</v>
      </c>
      <c r="G29" s="26">
        <v>8.4</v>
      </c>
    </row>
    <row r="30" spans="2:7" x14ac:dyDescent="0.2">
      <c r="B30" s="29"/>
      <c r="C30" s="2" t="s">
        <v>14</v>
      </c>
      <c r="D30" s="19">
        <v>28</v>
      </c>
      <c r="E30" s="20">
        <v>17</v>
      </c>
      <c r="F30" s="21">
        <v>10</v>
      </c>
      <c r="G30" s="22">
        <v>1</v>
      </c>
    </row>
    <row r="31" spans="2:7" x14ac:dyDescent="0.2">
      <c r="B31" s="29"/>
      <c r="C31" s="7"/>
      <c r="D31" s="23">
        <v>100</v>
      </c>
      <c r="E31" s="24">
        <v>60.7</v>
      </c>
      <c r="F31" s="25">
        <v>35.700000000000003</v>
      </c>
      <c r="G31" s="26">
        <v>3.6</v>
      </c>
    </row>
    <row r="32" spans="2:7" x14ac:dyDescent="0.2">
      <c r="B32" s="29"/>
      <c r="C32" s="2" t="s">
        <v>42</v>
      </c>
      <c r="D32" s="19">
        <v>390</v>
      </c>
      <c r="E32" s="20">
        <v>227</v>
      </c>
      <c r="F32" s="21">
        <v>140</v>
      </c>
      <c r="G32" s="22">
        <v>23</v>
      </c>
    </row>
    <row r="33" spans="2:7" x14ac:dyDescent="0.2">
      <c r="B33" s="29"/>
      <c r="C33" s="7"/>
      <c r="D33" s="23">
        <v>100</v>
      </c>
      <c r="E33" s="24">
        <v>58.2</v>
      </c>
      <c r="F33" s="25">
        <v>35.9</v>
      </c>
      <c r="G33" s="26">
        <v>5.9</v>
      </c>
    </row>
    <row r="34" spans="2:7" x14ac:dyDescent="0.2">
      <c r="B34" s="29"/>
      <c r="C34" s="2" t="s">
        <v>13</v>
      </c>
      <c r="D34" s="19">
        <v>70</v>
      </c>
      <c r="E34" s="20">
        <v>34</v>
      </c>
      <c r="F34" s="21">
        <v>18</v>
      </c>
      <c r="G34" s="22">
        <v>18</v>
      </c>
    </row>
    <row r="35" spans="2:7" x14ac:dyDescent="0.2">
      <c r="B35" s="30"/>
      <c r="C35" s="10"/>
      <c r="D35" s="15">
        <v>100</v>
      </c>
      <c r="E35" s="16">
        <v>48.6</v>
      </c>
      <c r="F35" s="17">
        <v>25.7</v>
      </c>
      <c r="G35" s="18">
        <v>25.7</v>
      </c>
    </row>
    <row r="36" spans="2:7" x14ac:dyDescent="0.2">
      <c r="B36" s="28" t="s">
        <v>53</v>
      </c>
      <c r="C36" s="9" t="s">
        <v>12</v>
      </c>
      <c r="D36" s="11">
        <v>1241</v>
      </c>
      <c r="E36" s="12">
        <v>737</v>
      </c>
      <c r="F36" s="13">
        <v>416</v>
      </c>
      <c r="G36" s="14">
        <v>88</v>
      </c>
    </row>
    <row r="37" spans="2:7" x14ac:dyDescent="0.2">
      <c r="B37" s="29"/>
      <c r="C37" s="8"/>
      <c r="D37" s="15">
        <v>100</v>
      </c>
      <c r="E37" s="16">
        <v>59.4</v>
      </c>
      <c r="F37" s="17">
        <v>33.5</v>
      </c>
      <c r="G37" s="18">
        <v>7.1</v>
      </c>
    </row>
    <row r="38" spans="2:7" x14ac:dyDescent="0.2">
      <c r="B38" s="29"/>
      <c r="C38" s="2" t="s">
        <v>41</v>
      </c>
      <c r="D38" s="19">
        <v>799</v>
      </c>
      <c r="E38" s="20">
        <v>488</v>
      </c>
      <c r="F38" s="21">
        <v>278</v>
      </c>
      <c r="G38" s="22">
        <v>33</v>
      </c>
    </row>
    <row r="39" spans="2:7" x14ac:dyDescent="0.2">
      <c r="B39" s="29"/>
      <c r="C39" s="7"/>
      <c r="D39" s="23">
        <v>100</v>
      </c>
      <c r="E39" s="24">
        <v>61.1</v>
      </c>
      <c r="F39" s="25">
        <v>34.799999999999997</v>
      </c>
      <c r="G39" s="26">
        <v>4.0999999999999996</v>
      </c>
    </row>
    <row r="40" spans="2:7" x14ac:dyDescent="0.2">
      <c r="B40" s="29"/>
      <c r="C40" s="2" t="s">
        <v>40</v>
      </c>
      <c r="D40" s="19">
        <v>182</v>
      </c>
      <c r="E40" s="20">
        <v>101</v>
      </c>
      <c r="F40" s="21">
        <v>68</v>
      </c>
      <c r="G40" s="22">
        <v>13</v>
      </c>
    </row>
    <row r="41" spans="2:7" x14ac:dyDescent="0.2">
      <c r="B41" s="29"/>
      <c r="C41" s="7"/>
      <c r="D41" s="23">
        <v>100</v>
      </c>
      <c r="E41" s="24">
        <v>55.5</v>
      </c>
      <c r="F41" s="25">
        <v>37.4</v>
      </c>
      <c r="G41" s="26">
        <v>7.1</v>
      </c>
    </row>
    <row r="42" spans="2:7" x14ac:dyDescent="0.2">
      <c r="B42" s="29"/>
      <c r="C42" s="2" t="s">
        <v>39</v>
      </c>
      <c r="D42" s="19">
        <v>72</v>
      </c>
      <c r="E42" s="20">
        <v>45</v>
      </c>
      <c r="F42" s="21">
        <v>19</v>
      </c>
      <c r="G42" s="22">
        <v>8</v>
      </c>
    </row>
    <row r="43" spans="2:7" x14ac:dyDescent="0.2">
      <c r="B43" s="29"/>
      <c r="C43" s="7"/>
      <c r="D43" s="23">
        <v>100</v>
      </c>
      <c r="E43" s="24">
        <v>62.5</v>
      </c>
      <c r="F43" s="25">
        <v>26.4</v>
      </c>
      <c r="G43" s="26">
        <v>11.1</v>
      </c>
    </row>
    <row r="44" spans="2:7" x14ac:dyDescent="0.2">
      <c r="B44" s="29"/>
      <c r="C44" s="2" t="s">
        <v>38</v>
      </c>
      <c r="D44" s="19">
        <v>127</v>
      </c>
      <c r="E44" s="20">
        <v>73</v>
      </c>
      <c r="F44" s="21">
        <v>36</v>
      </c>
      <c r="G44" s="22">
        <v>18</v>
      </c>
    </row>
    <row r="45" spans="2:7" x14ac:dyDescent="0.2">
      <c r="B45" s="29"/>
      <c r="C45" s="7"/>
      <c r="D45" s="23">
        <v>100</v>
      </c>
      <c r="E45" s="24">
        <v>57.5</v>
      </c>
      <c r="F45" s="25">
        <v>28.3</v>
      </c>
      <c r="G45" s="26">
        <v>14.2</v>
      </c>
    </row>
    <row r="46" spans="2:7" x14ac:dyDescent="0.2">
      <c r="B46" s="29"/>
      <c r="C46" s="2" t="s">
        <v>13</v>
      </c>
      <c r="D46" s="19">
        <v>61</v>
      </c>
      <c r="E46" s="20">
        <v>30</v>
      </c>
      <c r="F46" s="21">
        <v>15</v>
      </c>
      <c r="G46" s="22">
        <v>16</v>
      </c>
    </row>
    <row r="47" spans="2:7" x14ac:dyDescent="0.2">
      <c r="B47" s="30"/>
      <c r="C47" s="10"/>
      <c r="D47" s="15">
        <v>100</v>
      </c>
      <c r="E47" s="16">
        <v>49.2</v>
      </c>
      <c r="F47" s="17">
        <v>24.6</v>
      </c>
      <c r="G47" s="18">
        <v>26.2</v>
      </c>
    </row>
  </sheetData>
  <mergeCells count="3">
    <mergeCell ref="B4:B11"/>
    <mergeCell ref="B12:B35"/>
    <mergeCell ref="B36:B47"/>
  </mergeCells>
  <phoneticPr fontId="2"/>
  <pageMargins left="0.7" right="0.7" top="0.75" bottom="0.75" header="0.3" footer="0.3"/>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63</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211</v>
      </c>
      <c r="F4" s="13">
        <v>926</v>
      </c>
      <c r="G4" s="14">
        <v>104</v>
      </c>
    </row>
    <row r="5" spans="2:7" x14ac:dyDescent="0.2">
      <c r="B5" s="29"/>
      <c r="C5" s="8"/>
      <c r="D5" s="15">
        <v>100</v>
      </c>
      <c r="E5" s="16">
        <v>17</v>
      </c>
      <c r="F5" s="17">
        <v>74.599999999999994</v>
      </c>
      <c r="G5" s="18">
        <v>8.4</v>
      </c>
    </row>
    <row r="6" spans="2:7" x14ac:dyDescent="0.2">
      <c r="B6" s="29"/>
      <c r="C6" s="2" t="s">
        <v>30</v>
      </c>
      <c r="D6" s="19">
        <v>499</v>
      </c>
      <c r="E6" s="20">
        <v>91</v>
      </c>
      <c r="F6" s="21">
        <v>375</v>
      </c>
      <c r="G6" s="22">
        <v>33</v>
      </c>
    </row>
    <row r="7" spans="2:7" x14ac:dyDescent="0.2">
      <c r="B7" s="29"/>
      <c r="C7" s="7"/>
      <c r="D7" s="23">
        <v>100</v>
      </c>
      <c r="E7" s="24">
        <v>18.2</v>
      </c>
      <c r="F7" s="25">
        <v>75.2</v>
      </c>
      <c r="G7" s="26">
        <v>6.6</v>
      </c>
    </row>
    <row r="8" spans="2:7" x14ac:dyDescent="0.2">
      <c r="B8" s="29"/>
      <c r="C8" s="2" t="s">
        <v>29</v>
      </c>
      <c r="D8" s="19">
        <v>150</v>
      </c>
      <c r="E8" s="20">
        <v>28</v>
      </c>
      <c r="F8" s="21">
        <v>109</v>
      </c>
      <c r="G8" s="22">
        <v>13</v>
      </c>
    </row>
    <row r="9" spans="2:7" x14ac:dyDescent="0.2">
      <c r="B9" s="29"/>
      <c r="C9" s="7"/>
      <c r="D9" s="23">
        <v>100</v>
      </c>
      <c r="E9" s="24">
        <v>18.7</v>
      </c>
      <c r="F9" s="25">
        <v>72.7</v>
      </c>
      <c r="G9" s="26">
        <v>8.6999999999999993</v>
      </c>
    </row>
    <row r="10" spans="2:7" x14ac:dyDescent="0.2">
      <c r="B10" s="29"/>
      <c r="C10" s="2" t="s">
        <v>28</v>
      </c>
      <c r="D10" s="19">
        <v>82</v>
      </c>
      <c r="E10" s="20">
        <v>10</v>
      </c>
      <c r="F10" s="21">
        <v>63</v>
      </c>
      <c r="G10" s="22">
        <v>9</v>
      </c>
    </row>
    <row r="11" spans="2:7" x14ac:dyDescent="0.2">
      <c r="B11" s="29"/>
      <c r="C11" s="7"/>
      <c r="D11" s="23">
        <v>100</v>
      </c>
      <c r="E11" s="24">
        <v>12.2</v>
      </c>
      <c r="F11" s="25">
        <v>76.8</v>
      </c>
      <c r="G11" s="26">
        <v>11</v>
      </c>
    </row>
    <row r="12" spans="2:7" x14ac:dyDescent="0.2">
      <c r="B12" s="29"/>
      <c r="C12" s="2" t="s">
        <v>27</v>
      </c>
      <c r="D12" s="19">
        <v>92</v>
      </c>
      <c r="E12" s="20">
        <v>23</v>
      </c>
      <c r="F12" s="21">
        <v>64</v>
      </c>
      <c r="G12" s="22">
        <v>5</v>
      </c>
    </row>
    <row r="13" spans="2:7" x14ac:dyDescent="0.2">
      <c r="B13" s="29"/>
      <c r="C13" s="7"/>
      <c r="D13" s="23">
        <v>100</v>
      </c>
      <c r="E13" s="24">
        <v>25</v>
      </c>
      <c r="F13" s="25">
        <v>69.599999999999994</v>
      </c>
      <c r="G13" s="26">
        <v>5.4</v>
      </c>
    </row>
    <row r="14" spans="2:7" x14ac:dyDescent="0.2">
      <c r="B14" s="29"/>
      <c r="C14" s="2" t="s">
        <v>26</v>
      </c>
      <c r="D14" s="19">
        <v>112</v>
      </c>
      <c r="E14" s="20">
        <v>15</v>
      </c>
      <c r="F14" s="21">
        <v>86</v>
      </c>
      <c r="G14" s="22">
        <v>11</v>
      </c>
    </row>
    <row r="15" spans="2:7" x14ac:dyDescent="0.2">
      <c r="B15" s="29"/>
      <c r="C15" s="7"/>
      <c r="D15" s="23">
        <v>100</v>
      </c>
      <c r="E15" s="24">
        <v>13.4</v>
      </c>
      <c r="F15" s="25">
        <v>76.8</v>
      </c>
      <c r="G15" s="26">
        <v>9.8000000000000007</v>
      </c>
    </row>
    <row r="16" spans="2:7" x14ac:dyDescent="0.2">
      <c r="B16" s="29"/>
      <c r="C16" s="2" t="s">
        <v>25</v>
      </c>
      <c r="D16" s="19">
        <v>188</v>
      </c>
      <c r="E16" s="20">
        <v>30</v>
      </c>
      <c r="F16" s="21">
        <v>142</v>
      </c>
      <c r="G16" s="22">
        <v>16</v>
      </c>
    </row>
    <row r="17" spans="2:7" x14ac:dyDescent="0.2">
      <c r="B17" s="29"/>
      <c r="C17" s="7"/>
      <c r="D17" s="23">
        <v>100</v>
      </c>
      <c r="E17" s="24">
        <v>16</v>
      </c>
      <c r="F17" s="25">
        <v>75.5</v>
      </c>
      <c r="G17" s="26">
        <v>8.5</v>
      </c>
    </row>
    <row r="18" spans="2:7" x14ac:dyDescent="0.2">
      <c r="B18" s="29"/>
      <c r="C18" s="2" t="s">
        <v>24</v>
      </c>
      <c r="D18" s="19">
        <v>60</v>
      </c>
      <c r="E18" s="20">
        <v>4</v>
      </c>
      <c r="F18" s="21">
        <v>51</v>
      </c>
      <c r="G18" s="22">
        <v>5</v>
      </c>
    </row>
    <row r="19" spans="2:7" x14ac:dyDescent="0.2">
      <c r="B19" s="29"/>
      <c r="C19" s="7"/>
      <c r="D19" s="23">
        <v>100</v>
      </c>
      <c r="E19" s="24">
        <v>6.7</v>
      </c>
      <c r="F19" s="25">
        <v>85</v>
      </c>
      <c r="G19" s="26">
        <v>8.3000000000000007</v>
      </c>
    </row>
    <row r="20" spans="2:7" x14ac:dyDescent="0.2">
      <c r="B20" s="29"/>
      <c r="C20" s="2" t="s">
        <v>13</v>
      </c>
      <c r="D20" s="19">
        <v>58</v>
      </c>
      <c r="E20" s="20">
        <v>10</v>
      </c>
      <c r="F20" s="21">
        <v>36</v>
      </c>
      <c r="G20" s="22">
        <v>12</v>
      </c>
    </row>
    <row r="21" spans="2:7" x14ac:dyDescent="0.2">
      <c r="B21" s="30"/>
      <c r="C21" s="10"/>
      <c r="D21" s="15">
        <v>100</v>
      </c>
      <c r="E21" s="16">
        <v>17.2</v>
      </c>
      <c r="F21" s="17">
        <v>62.1</v>
      </c>
      <c r="G21" s="18">
        <v>20.7</v>
      </c>
    </row>
    <row r="22" spans="2:7" x14ac:dyDescent="0.2">
      <c r="B22" s="28" t="s">
        <v>35</v>
      </c>
      <c r="C22" s="9" t="s">
        <v>12</v>
      </c>
      <c r="D22" s="11">
        <v>1241</v>
      </c>
      <c r="E22" s="12">
        <v>211</v>
      </c>
      <c r="F22" s="13">
        <v>926</v>
      </c>
      <c r="G22" s="14">
        <v>104</v>
      </c>
    </row>
    <row r="23" spans="2:7" x14ac:dyDescent="0.2">
      <c r="B23" s="29"/>
      <c r="C23" s="8"/>
      <c r="D23" s="15">
        <v>100</v>
      </c>
      <c r="E23" s="16">
        <v>17</v>
      </c>
      <c r="F23" s="17">
        <v>74.599999999999994</v>
      </c>
      <c r="G23" s="18">
        <v>8.4</v>
      </c>
    </row>
    <row r="24" spans="2:7" x14ac:dyDescent="0.2">
      <c r="B24" s="29"/>
      <c r="C24" s="2" t="s">
        <v>23</v>
      </c>
      <c r="D24" s="19">
        <v>563</v>
      </c>
      <c r="E24" s="20">
        <v>77</v>
      </c>
      <c r="F24" s="21">
        <v>451</v>
      </c>
      <c r="G24" s="22">
        <v>35</v>
      </c>
    </row>
    <row r="25" spans="2:7" x14ac:dyDescent="0.2">
      <c r="B25" s="29"/>
      <c r="C25" s="7"/>
      <c r="D25" s="23">
        <v>100</v>
      </c>
      <c r="E25" s="24">
        <v>13.7</v>
      </c>
      <c r="F25" s="25">
        <v>80.099999999999994</v>
      </c>
      <c r="G25" s="26">
        <v>6.2</v>
      </c>
    </row>
    <row r="26" spans="2:7" x14ac:dyDescent="0.2">
      <c r="B26" s="29"/>
      <c r="C26" s="2" t="s">
        <v>22</v>
      </c>
      <c r="D26" s="19">
        <v>607</v>
      </c>
      <c r="E26" s="20">
        <v>122</v>
      </c>
      <c r="F26" s="21">
        <v>428</v>
      </c>
      <c r="G26" s="22">
        <v>57</v>
      </c>
    </row>
    <row r="27" spans="2:7" x14ac:dyDescent="0.2">
      <c r="B27" s="29"/>
      <c r="C27" s="7"/>
      <c r="D27" s="23">
        <v>100</v>
      </c>
      <c r="E27" s="24">
        <v>20.100000000000001</v>
      </c>
      <c r="F27" s="25">
        <v>70.5</v>
      </c>
      <c r="G27" s="26">
        <v>9.4</v>
      </c>
    </row>
    <row r="28" spans="2:7" x14ac:dyDescent="0.2">
      <c r="B28" s="29"/>
      <c r="C28" s="2" t="s">
        <v>13</v>
      </c>
      <c r="D28" s="19">
        <v>71</v>
      </c>
      <c r="E28" s="20">
        <v>12</v>
      </c>
      <c r="F28" s="21">
        <v>47</v>
      </c>
      <c r="G28" s="22">
        <v>12</v>
      </c>
    </row>
    <row r="29" spans="2:7" x14ac:dyDescent="0.2">
      <c r="B29" s="30"/>
      <c r="C29" s="10"/>
      <c r="D29" s="15">
        <v>100</v>
      </c>
      <c r="E29" s="16">
        <v>16.899999999999999</v>
      </c>
      <c r="F29" s="17">
        <v>66.2</v>
      </c>
      <c r="G29" s="18">
        <v>16.899999999999999</v>
      </c>
    </row>
    <row r="30" spans="2:7" x14ac:dyDescent="0.2">
      <c r="B30" s="28" t="s">
        <v>34</v>
      </c>
      <c r="C30" s="9" t="s">
        <v>12</v>
      </c>
      <c r="D30" s="11">
        <v>1241</v>
      </c>
      <c r="E30" s="12">
        <v>211</v>
      </c>
      <c r="F30" s="13">
        <v>926</v>
      </c>
      <c r="G30" s="14">
        <v>104</v>
      </c>
    </row>
    <row r="31" spans="2:7" x14ac:dyDescent="0.2">
      <c r="B31" s="29"/>
      <c r="C31" s="8"/>
      <c r="D31" s="15">
        <v>100</v>
      </c>
      <c r="E31" s="16">
        <v>17</v>
      </c>
      <c r="F31" s="17">
        <v>74.599999999999994</v>
      </c>
      <c r="G31" s="18">
        <v>8.4</v>
      </c>
    </row>
    <row r="32" spans="2:7" x14ac:dyDescent="0.2">
      <c r="B32" s="29"/>
      <c r="C32" s="2" t="s">
        <v>76</v>
      </c>
      <c r="D32" s="19">
        <v>3</v>
      </c>
      <c r="E32" s="20" t="s">
        <v>152</v>
      </c>
      <c r="F32" s="21">
        <v>3</v>
      </c>
      <c r="G32" s="22" t="s">
        <v>152</v>
      </c>
    </row>
    <row r="33" spans="2:7" x14ac:dyDescent="0.2">
      <c r="B33" s="29"/>
      <c r="C33" s="7"/>
      <c r="D33" s="23">
        <v>100</v>
      </c>
      <c r="E33" s="24" t="s">
        <v>152</v>
      </c>
      <c r="F33" s="25">
        <v>100</v>
      </c>
      <c r="G33" s="26" t="s">
        <v>152</v>
      </c>
    </row>
    <row r="34" spans="2:7" x14ac:dyDescent="0.2">
      <c r="B34" s="29"/>
      <c r="C34" s="2" t="s">
        <v>78</v>
      </c>
      <c r="D34" s="19">
        <v>51</v>
      </c>
      <c r="E34" s="20">
        <v>11</v>
      </c>
      <c r="F34" s="21">
        <v>40</v>
      </c>
      <c r="G34" s="22" t="s">
        <v>152</v>
      </c>
    </row>
    <row r="35" spans="2:7" x14ac:dyDescent="0.2">
      <c r="B35" s="29"/>
      <c r="C35" s="7"/>
      <c r="D35" s="23">
        <v>100</v>
      </c>
      <c r="E35" s="24">
        <v>21.6</v>
      </c>
      <c r="F35" s="25">
        <v>78.400000000000006</v>
      </c>
      <c r="G35" s="26" t="s">
        <v>152</v>
      </c>
    </row>
    <row r="36" spans="2:7" x14ac:dyDescent="0.2">
      <c r="B36" s="29"/>
      <c r="C36" s="2" t="s">
        <v>147</v>
      </c>
      <c r="D36" s="19">
        <v>54</v>
      </c>
      <c r="E36" s="20">
        <v>11</v>
      </c>
      <c r="F36" s="21">
        <v>43</v>
      </c>
      <c r="G36" s="22" t="s">
        <v>152</v>
      </c>
    </row>
    <row r="37" spans="2:7" x14ac:dyDescent="0.2">
      <c r="B37" s="29"/>
      <c r="C37" s="7"/>
      <c r="D37" s="23">
        <v>100</v>
      </c>
      <c r="E37" s="24">
        <v>20.37037037037037</v>
      </c>
      <c r="F37" s="25">
        <v>79.629629629629633</v>
      </c>
      <c r="G37" s="26" t="s">
        <v>152</v>
      </c>
    </row>
    <row r="38" spans="2:7" x14ac:dyDescent="0.2">
      <c r="B38" s="29"/>
      <c r="C38" s="2" t="s">
        <v>80</v>
      </c>
      <c r="D38" s="19">
        <v>116</v>
      </c>
      <c r="E38" s="20">
        <v>25</v>
      </c>
      <c r="F38" s="21">
        <v>87</v>
      </c>
      <c r="G38" s="22">
        <v>4</v>
      </c>
    </row>
    <row r="39" spans="2:7" x14ac:dyDescent="0.2">
      <c r="B39" s="29"/>
      <c r="C39" s="7"/>
      <c r="D39" s="23">
        <v>100</v>
      </c>
      <c r="E39" s="24">
        <v>21.6</v>
      </c>
      <c r="F39" s="25">
        <v>75</v>
      </c>
      <c r="G39" s="26">
        <v>3.4</v>
      </c>
    </row>
    <row r="40" spans="2:7" x14ac:dyDescent="0.2">
      <c r="B40" s="29"/>
      <c r="C40" s="2" t="s">
        <v>82</v>
      </c>
      <c r="D40" s="19">
        <v>200</v>
      </c>
      <c r="E40" s="20">
        <v>40</v>
      </c>
      <c r="F40" s="21">
        <v>149</v>
      </c>
      <c r="G40" s="22">
        <v>11</v>
      </c>
    </row>
    <row r="41" spans="2:7" x14ac:dyDescent="0.2">
      <c r="B41" s="29"/>
      <c r="C41" s="7"/>
      <c r="D41" s="23">
        <v>100</v>
      </c>
      <c r="E41" s="24">
        <v>20</v>
      </c>
      <c r="F41" s="25">
        <v>74.5</v>
      </c>
      <c r="G41" s="26">
        <v>5.5</v>
      </c>
    </row>
    <row r="42" spans="2:7" x14ac:dyDescent="0.2">
      <c r="B42" s="29"/>
      <c r="C42" s="2" t="s">
        <v>84</v>
      </c>
      <c r="D42" s="19">
        <v>289</v>
      </c>
      <c r="E42" s="20">
        <v>46</v>
      </c>
      <c r="F42" s="21">
        <v>230</v>
      </c>
      <c r="G42" s="22">
        <v>13</v>
      </c>
    </row>
    <row r="43" spans="2:7" x14ac:dyDescent="0.2">
      <c r="B43" s="29"/>
      <c r="C43" s="7"/>
      <c r="D43" s="23">
        <v>100</v>
      </c>
      <c r="E43" s="24">
        <v>15.9</v>
      </c>
      <c r="F43" s="25">
        <v>79.599999999999994</v>
      </c>
      <c r="G43" s="26">
        <v>4.5</v>
      </c>
    </row>
    <row r="44" spans="2:7" x14ac:dyDescent="0.2">
      <c r="B44" s="29"/>
      <c r="C44" s="2" t="s">
        <v>86</v>
      </c>
      <c r="D44" s="19">
        <v>247</v>
      </c>
      <c r="E44" s="20">
        <v>27</v>
      </c>
      <c r="F44" s="21">
        <v>197</v>
      </c>
      <c r="G44" s="22">
        <v>23</v>
      </c>
    </row>
    <row r="45" spans="2:7" x14ac:dyDescent="0.2">
      <c r="B45" s="29"/>
      <c r="C45" s="7"/>
      <c r="D45" s="23">
        <v>100</v>
      </c>
      <c r="E45" s="24">
        <v>10.9</v>
      </c>
      <c r="F45" s="25">
        <v>79.8</v>
      </c>
      <c r="G45" s="26">
        <v>9.3000000000000007</v>
      </c>
    </row>
    <row r="46" spans="2:7" x14ac:dyDescent="0.2">
      <c r="B46" s="29"/>
      <c r="C46" s="2" t="s">
        <v>88</v>
      </c>
      <c r="D46" s="19">
        <v>125</v>
      </c>
      <c r="E46" s="20">
        <v>25</v>
      </c>
      <c r="F46" s="21">
        <v>89</v>
      </c>
      <c r="G46" s="22">
        <v>11</v>
      </c>
    </row>
    <row r="47" spans="2:7" x14ac:dyDescent="0.2">
      <c r="B47" s="29"/>
      <c r="C47" s="7"/>
      <c r="D47" s="23">
        <v>100</v>
      </c>
      <c r="E47" s="24">
        <v>20</v>
      </c>
      <c r="F47" s="25">
        <v>71.2</v>
      </c>
      <c r="G47" s="26">
        <v>8.8000000000000007</v>
      </c>
    </row>
    <row r="48" spans="2:7" x14ac:dyDescent="0.2">
      <c r="B48" s="29"/>
      <c r="C48" s="2" t="s">
        <v>90</v>
      </c>
      <c r="D48" s="19">
        <v>150</v>
      </c>
      <c r="E48" s="20">
        <v>28</v>
      </c>
      <c r="F48" s="21">
        <v>94</v>
      </c>
      <c r="G48" s="22">
        <v>28</v>
      </c>
    </row>
    <row r="49" spans="2:7" x14ac:dyDescent="0.2">
      <c r="B49" s="29"/>
      <c r="C49" s="7"/>
      <c r="D49" s="23">
        <v>100</v>
      </c>
      <c r="E49" s="24">
        <v>18.7</v>
      </c>
      <c r="F49" s="25">
        <v>62.7</v>
      </c>
      <c r="G49" s="26">
        <v>18.7</v>
      </c>
    </row>
    <row r="50" spans="2:7" x14ac:dyDescent="0.2">
      <c r="B50" s="29"/>
      <c r="C50" s="2" t="s">
        <v>92</v>
      </c>
      <c r="D50" s="19">
        <v>60</v>
      </c>
      <c r="E50" s="20">
        <v>9</v>
      </c>
      <c r="F50" s="21">
        <v>37</v>
      </c>
      <c r="G50" s="22">
        <v>14</v>
      </c>
    </row>
    <row r="51" spans="2:7" x14ac:dyDescent="0.2">
      <c r="B51" s="29"/>
      <c r="C51" s="10"/>
      <c r="D51" s="23">
        <v>100</v>
      </c>
      <c r="E51" s="24">
        <v>15</v>
      </c>
      <c r="F51" s="25">
        <v>61.7</v>
      </c>
      <c r="G51" s="26">
        <v>23.3</v>
      </c>
    </row>
    <row r="52" spans="2:7" x14ac:dyDescent="0.2">
      <c r="B52" s="28" t="s">
        <v>33</v>
      </c>
      <c r="C52" s="9" t="s">
        <v>12</v>
      </c>
      <c r="D52" s="11">
        <v>1241</v>
      </c>
      <c r="E52" s="12">
        <v>211</v>
      </c>
      <c r="F52" s="13">
        <v>926</v>
      </c>
      <c r="G52" s="14">
        <v>104</v>
      </c>
    </row>
    <row r="53" spans="2:7" x14ac:dyDescent="0.2">
      <c r="B53" s="29"/>
      <c r="C53" s="8"/>
      <c r="D53" s="15">
        <v>100</v>
      </c>
      <c r="E53" s="16">
        <v>17</v>
      </c>
      <c r="F53" s="17">
        <v>74.599999999999994</v>
      </c>
      <c r="G53" s="18">
        <v>8.4</v>
      </c>
    </row>
    <row r="54" spans="2:7" x14ac:dyDescent="0.2">
      <c r="B54" s="29"/>
      <c r="C54" s="2" t="s">
        <v>57</v>
      </c>
      <c r="D54" s="19">
        <v>2</v>
      </c>
      <c r="E54" s="20" t="s">
        <v>152</v>
      </c>
      <c r="F54" s="21">
        <v>2</v>
      </c>
      <c r="G54" s="22" t="s">
        <v>152</v>
      </c>
    </row>
    <row r="55" spans="2:7" x14ac:dyDescent="0.2">
      <c r="B55" s="29"/>
      <c r="C55" s="7"/>
      <c r="D55" s="23">
        <v>100</v>
      </c>
      <c r="E55" s="24" t="s">
        <v>152</v>
      </c>
      <c r="F55" s="25">
        <v>100</v>
      </c>
      <c r="G55" s="26" t="s">
        <v>152</v>
      </c>
    </row>
    <row r="56" spans="2:7" x14ac:dyDescent="0.2">
      <c r="B56" s="29"/>
      <c r="C56" s="2" t="s">
        <v>63</v>
      </c>
      <c r="D56" s="19">
        <v>20</v>
      </c>
      <c r="E56" s="20">
        <v>5</v>
      </c>
      <c r="F56" s="21">
        <v>15</v>
      </c>
      <c r="G56" s="22" t="s">
        <v>152</v>
      </c>
    </row>
    <row r="57" spans="2:7" x14ac:dyDescent="0.2">
      <c r="B57" s="29"/>
      <c r="C57" s="7"/>
      <c r="D57" s="23">
        <v>100</v>
      </c>
      <c r="E57" s="24">
        <v>25</v>
      </c>
      <c r="F57" s="25">
        <v>75</v>
      </c>
      <c r="G57" s="26" t="s">
        <v>152</v>
      </c>
    </row>
    <row r="58" spans="2:7" x14ac:dyDescent="0.2">
      <c r="B58" s="29"/>
      <c r="C58" s="2" t="s">
        <v>148</v>
      </c>
      <c r="D58" s="19">
        <v>22</v>
      </c>
      <c r="E58" s="20">
        <v>5</v>
      </c>
      <c r="F58" s="21">
        <v>17</v>
      </c>
      <c r="G58" s="22" t="s">
        <v>152</v>
      </c>
    </row>
    <row r="59" spans="2:7" x14ac:dyDescent="0.2">
      <c r="B59" s="29"/>
      <c r="C59" s="7"/>
      <c r="D59" s="23">
        <v>100</v>
      </c>
      <c r="E59" s="24">
        <v>22.727272727272727</v>
      </c>
      <c r="F59" s="25">
        <v>77.272727272727266</v>
      </c>
      <c r="G59" s="26" t="s">
        <v>152</v>
      </c>
    </row>
    <row r="60" spans="2:7" x14ac:dyDescent="0.2">
      <c r="B60" s="29"/>
      <c r="C60" s="2" t="s">
        <v>64</v>
      </c>
      <c r="D60" s="19">
        <v>51</v>
      </c>
      <c r="E60" s="20">
        <v>6</v>
      </c>
      <c r="F60" s="21">
        <v>42</v>
      </c>
      <c r="G60" s="22">
        <v>3</v>
      </c>
    </row>
    <row r="61" spans="2:7" x14ac:dyDescent="0.2">
      <c r="B61" s="29"/>
      <c r="C61" s="7"/>
      <c r="D61" s="23">
        <v>100</v>
      </c>
      <c r="E61" s="24">
        <v>11.8</v>
      </c>
      <c r="F61" s="25">
        <v>82.4</v>
      </c>
      <c r="G61" s="26">
        <v>5.9</v>
      </c>
    </row>
    <row r="62" spans="2:7" x14ac:dyDescent="0.2">
      <c r="B62" s="29"/>
      <c r="C62" s="2" t="s">
        <v>65</v>
      </c>
      <c r="D62" s="19">
        <v>88</v>
      </c>
      <c r="E62" s="20">
        <v>12</v>
      </c>
      <c r="F62" s="21">
        <v>74</v>
      </c>
      <c r="G62" s="22">
        <v>2</v>
      </c>
    </row>
    <row r="63" spans="2:7" x14ac:dyDescent="0.2">
      <c r="B63" s="29"/>
      <c r="C63" s="7"/>
      <c r="D63" s="23">
        <v>100</v>
      </c>
      <c r="E63" s="24">
        <v>13.6</v>
      </c>
      <c r="F63" s="25">
        <v>84.1</v>
      </c>
      <c r="G63" s="26">
        <v>2.2999999999999998</v>
      </c>
    </row>
    <row r="64" spans="2:7" x14ac:dyDescent="0.2">
      <c r="B64" s="29"/>
      <c r="C64" s="2" t="s">
        <v>66</v>
      </c>
      <c r="D64" s="19">
        <v>146</v>
      </c>
      <c r="E64" s="20">
        <v>23</v>
      </c>
      <c r="F64" s="21">
        <v>115</v>
      </c>
      <c r="G64" s="22">
        <v>8</v>
      </c>
    </row>
    <row r="65" spans="2:7" x14ac:dyDescent="0.2">
      <c r="B65" s="29"/>
      <c r="C65" s="7"/>
      <c r="D65" s="23">
        <v>100</v>
      </c>
      <c r="E65" s="24">
        <v>15.8</v>
      </c>
      <c r="F65" s="25">
        <v>78.8</v>
      </c>
      <c r="G65" s="26">
        <v>5.5</v>
      </c>
    </row>
    <row r="66" spans="2:7" x14ac:dyDescent="0.2">
      <c r="B66" s="29"/>
      <c r="C66" s="2" t="s">
        <v>67</v>
      </c>
      <c r="D66" s="19">
        <v>133</v>
      </c>
      <c r="E66" s="20">
        <v>11</v>
      </c>
      <c r="F66" s="21">
        <v>113</v>
      </c>
      <c r="G66" s="22">
        <v>9</v>
      </c>
    </row>
    <row r="67" spans="2:7" x14ac:dyDescent="0.2">
      <c r="B67" s="29"/>
      <c r="C67" s="7"/>
      <c r="D67" s="23">
        <v>100</v>
      </c>
      <c r="E67" s="24">
        <v>8.3000000000000007</v>
      </c>
      <c r="F67" s="25">
        <v>85</v>
      </c>
      <c r="G67" s="26">
        <v>6.8</v>
      </c>
    </row>
    <row r="68" spans="2:7" x14ac:dyDescent="0.2">
      <c r="B68" s="29"/>
      <c r="C68" s="2" t="s">
        <v>58</v>
      </c>
      <c r="D68" s="19">
        <v>57</v>
      </c>
      <c r="E68" s="20">
        <v>9</v>
      </c>
      <c r="F68" s="21">
        <v>44</v>
      </c>
      <c r="G68" s="22">
        <v>4</v>
      </c>
    </row>
    <row r="69" spans="2:7" x14ac:dyDescent="0.2">
      <c r="B69" s="29"/>
      <c r="C69" s="7"/>
      <c r="D69" s="23">
        <v>100</v>
      </c>
      <c r="E69" s="24">
        <v>15.8</v>
      </c>
      <c r="F69" s="25">
        <v>77.2</v>
      </c>
      <c r="G69" s="26">
        <v>7</v>
      </c>
    </row>
    <row r="70" spans="2:7" x14ac:dyDescent="0.2">
      <c r="B70" s="29"/>
      <c r="C70" s="2" t="s">
        <v>68</v>
      </c>
      <c r="D70" s="19">
        <v>65</v>
      </c>
      <c r="E70" s="20">
        <v>11</v>
      </c>
      <c r="F70" s="21">
        <v>46</v>
      </c>
      <c r="G70" s="22">
        <v>8</v>
      </c>
    </row>
    <row r="71" spans="2:7" x14ac:dyDescent="0.2">
      <c r="B71" s="29"/>
      <c r="C71" s="7"/>
      <c r="D71" s="23">
        <v>100</v>
      </c>
      <c r="E71" s="24">
        <v>16.899999999999999</v>
      </c>
      <c r="F71" s="25">
        <v>70.8</v>
      </c>
      <c r="G71" s="26">
        <v>12.3</v>
      </c>
    </row>
    <row r="72" spans="2:7" x14ac:dyDescent="0.2">
      <c r="B72" s="29"/>
      <c r="C72" s="2" t="s">
        <v>59</v>
      </c>
      <c r="D72" s="19">
        <v>1</v>
      </c>
      <c r="E72" s="20" t="s">
        <v>152</v>
      </c>
      <c r="F72" s="21">
        <v>1</v>
      </c>
      <c r="G72" s="22" t="s">
        <v>152</v>
      </c>
    </row>
    <row r="73" spans="2:7" x14ac:dyDescent="0.2">
      <c r="B73" s="29"/>
      <c r="C73" s="7"/>
      <c r="D73" s="23">
        <v>100</v>
      </c>
      <c r="E73" s="24" t="s">
        <v>152</v>
      </c>
      <c r="F73" s="25">
        <v>100</v>
      </c>
      <c r="G73" s="26" t="s">
        <v>152</v>
      </c>
    </row>
    <row r="74" spans="2:7" x14ac:dyDescent="0.2">
      <c r="B74" s="29"/>
      <c r="C74" s="2" t="s">
        <v>69</v>
      </c>
      <c r="D74" s="19">
        <v>29</v>
      </c>
      <c r="E74" s="20">
        <v>6</v>
      </c>
      <c r="F74" s="21">
        <v>23</v>
      </c>
      <c r="G74" s="22" t="s">
        <v>152</v>
      </c>
    </row>
    <row r="75" spans="2:7" x14ac:dyDescent="0.2">
      <c r="B75" s="29"/>
      <c r="C75" s="7"/>
      <c r="D75" s="23">
        <v>100</v>
      </c>
      <c r="E75" s="24">
        <v>20.7</v>
      </c>
      <c r="F75" s="25">
        <v>79.3</v>
      </c>
      <c r="G75" s="26" t="s">
        <v>152</v>
      </c>
    </row>
    <row r="76" spans="2:7" x14ac:dyDescent="0.2">
      <c r="B76" s="29"/>
      <c r="C76" s="2" t="s">
        <v>149</v>
      </c>
      <c r="D76" s="19">
        <v>30</v>
      </c>
      <c r="E76" s="20">
        <v>6</v>
      </c>
      <c r="F76" s="21">
        <v>24</v>
      </c>
      <c r="G76" s="22" t="s">
        <v>152</v>
      </c>
    </row>
    <row r="77" spans="2:7" x14ac:dyDescent="0.2">
      <c r="B77" s="29"/>
      <c r="C77" s="7"/>
      <c r="D77" s="23">
        <v>100</v>
      </c>
      <c r="E77" s="24">
        <v>20</v>
      </c>
      <c r="F77" s="25">
        <v>80</v>
      </c>
      <c r="G77" s="26" t="s">
        <v>152</v>
      </c>
    </row>
    <row r="78" spans="2:7" x14ac:dyDescent="0.2">
      <c r="B78" s="29"/>
      <c r="C78" s="2" t="s">
        <v>70</v>
      </c>
      <c r="D78" s="19">
        <v>64</v>
      </c>
      <c r="E78" s="20">
        <v>19</v>
      </c>
      <c r="F78" s="21">
        <v>44</v>
      </c>
      <c r="G78" s="22">
        <v>1</v>
      </c>
    </row>
    <row r="79" spans="2:7" x14ac:dyDescent="0.2">
      <c r="B79" s="29"/>
      <c r="C79" s="7"/>
      <c r="D79" s="23">
        <v>100</v>
      </c>
      <c r="E79" s="24">
        <v>29.7</v>
      </c>
      <c r="F79" s="25">
        <v>68.8</v>
      </c>
      <c r="G79" s="26">
        <v>1.6</v>
      </c>
    </row>
    <row r="80" spans="2:7" x14ac:dyDescent="0.2">
      <c r="B80" s="29"/>
      <c r="C80" s="2" t="s">
        <v>71</v>
      </c>
      <c r="D80" s="19">
        <v>112</v>
      </c>
      <c r="E80" s="20">
        <v>28</v>
      </c>
      <c r="F80" s="21">
        <v>75</v>
      </c>
      <c r="G80" s="22">
        <v>9</v>
      </c>
    </row>
    <row r="81" spans="2:7" x14ac:dyDescent="0.2">
      <c r="B81" s="29"/>
      <c r="C81" s="7"/>
      <c r="D81" s="23">
        <v>100</v>
      </c>
      <c r="E81" s="24">
        <v>25</v>
      </c>
      <c r="F81" s="25">
        <v>67</v>
      </c>
      <c r="G81" s="26">
        <v>8</v>
      </c>
    </row>
    <row r="82" spans="2:7" x14ac:dyDescent="0.2">
      <c r="B82" s="29"/>
      <c r="C82" s="2" t="s">
        <v>72</v>
      </c>
      <c r="D82" s="19">
        <v>137</v>
      </c>
      <c r="E82" s="20">
        <v>22</v>
      </c>
      <c r="F82" s="21">
        <v>110</v>
      </c>
      <c r="G82" s="22">
        <v>5</v>
      </c>
    </row>
    <row r="83" spans="2:7" x14ac:dyDescent="0.2">
      <c r="B83" s="29"/>
      <c r="C83" s="7"/>
      <c r="D83" s="23">
        <v>100</v>
      </c>
      <c r="E83" s="24">
        <v>16.100000000000001</v>
      </c>
      <c r="F83" s="25">
        <v>80.3</v>
      </c>
      <c r="G83" s="26">
        <v>3.6</v>
      </c>
    </row>
    <row r="84" spans="2:7" x14ac:dyDescent="0.2">
      <c r="B84" s="29"/>
      <c r="C84" s="2" t="s">
        <v>73</v>
      </c>
      <c r="D84" s="19">
        <v>112</v>
      </c>
      <c r="E84" s="20">
        <v>15</v>
      </c>
      <c r="F84" s="21">
        <v>83</v>
      </c>
      <c r="G84" s="22">
        <v>14</v>
      </c>
    </row>
    <row r="85" spans="2:7" x14ac:dyDescent="0.2">
      <c r="B85" s="29"/>
      <c r="C85" s="7"/>
      <c r="D85" s="23">
        <v>100</v>
      </c>
      <c r="E85" s="24">
        <v>13.4</v>
      </c>
      <c r="F85" s="25">
        <v>74.099999999999994</v>
      </c>
      <c r="G85" s="26">
        <v>12.5</v>
      </c>
    </row>
    <row r="86" spans="2:7" x14ac:dyDescent="0.2">
      <c r="B86" s="29"/>
      <c r="C86" s="2" t="s">
        <v>60</v>
      </c>
      <c r="D86" s="19">
        <v>66</v>
      </c>
      <c r="E86" s="20">
        <v>15</v>
      </c>
      <c r="F86" s="21">
        <v>44</v>
      </c>
      <c r="G86" s="22">
        <v>7</v>
      </c>
    </row>
    <row r="87" spans="2:7" x14ac:dyDescent="0.2">
      <c r="B87" s="29"/>
      <c r="C87" s="7"/>
      <c r="D87" s="23">
        <v>100</v>
      </c>
      <c r="E87" s="24">
        <v>22.7</v>
      </c>
      <c r="F87" s="25">
        <v>66.7</v>
      </c>
      <c r="G87" s="26">
        <v>10.6</v>
      </c>
    </row>
    <row r="88" spans="2:7" x14ac:dyDescent="0.2">
      <c r="B88" s="29"/>
      <c r="C88" s="2" t="s">
        <v>74</v>
      </c>
      <c r="D88" s="19">
        <v>83</v>
      </c>
      <c r="E88" s="20">
        <v>17</v>
      </c>
      <c r="F88" s="21">
        <v>46</v>
      </c>
      <c r="G88" s="22">
        <v>20</v>
      </c>
    </row>
    <row r="89" spans="2:7" x14ac:dyDescent="0.2">
      <c r="B89" s="29"/>
      <c r="C89" s="7"/>
      <c r="D89" s="23">
        <v>100</v>
      </c>
      <c r="E89" s="24">
        <v>20.5</v>
      </c>
      <c r="F89" s="25">
        <v>55.4</v>
      </c>
      <c r="G89" s="26">
        <v>24.1</v>
      </c>
    </row>
    <row r="90" spans="2:7" x14ac:dyDescent="0.2">
      <c r="B90" s="29"/>
      <c r="C90" s="2" t="s">
        <v>0</v>
      </c>
      <c r="D90" s="19">
        <v>75</v>
      </c>
      <c r="E90" s="20">
        <v>12</v>
      </c>
      <c r="F90" s="21">
        <v>49</v>
      </c>
      <c r="G90" s="22">
        <v>14</v>
      </c>
    </row>
    <row r="91" spans="2:7" x14ac:dyDescent="0.2">
      <c r="B91" s="29"/>
      <c r="C91" s="7"/>
      <c r="D91" s="23">
        <v>100</v>
      </c>
      <c r="E91" s="24">
        <v>16</v>
      </c>
      <c r="F91" s="25">
        <v>65.3</v>
      </c>
      <c r="G91" s="26">
        <v>18.7</v>
      </c>
    </row>
    <row r="92" spans="2:7" x14ac:dyDescent="0.2">
      <c r="B92" s="28" t="s">
        <v>32</v>
      </c>
      <c r="C92" s="9" t="s">
        <v>12</v>
      </c>
      <c r="D92" s="11">
        <v>1241</v>
      </c>
      <c r="E92" s="12">
        <v>211</v>
      </c>
      <c r="F92" s="13">
        <v>926</v>
      </c>
      <c r="G92" s="14">
        <v>104</v>
      </c>
    </row>
    <row r="93" spans="2:7" x14ac:dyDescent="0.2">
      <c r="B93" s="29"/>
      <c r="C93" s="8"/>
      <c r="D93" s="15">
        <v>100</v>
      </c>
      <c r="E93" s="16">
        <v>17</v>
      </c>
      <c r="F93" s="17">
        <v>74.599999999999994</v>
      </c>
      <c r="G93" s="18">
        <v>8.4</v>
      </c>
    </row>
    <row r="94" spans="2:7" x14ac:dyDescent="0.2">
      <c r="B94" s="29"/>
      <c r="C94" s="2" t="s">
        <v>21</v>
      </c>
      <c r="D94" s="19">
        <v>65</v>
      </c>
      <c r="E94" s="20">
        <v>7</v>
      </c>
      <c r="F94" s="21">
        <v>51</v>
      </c>
      <c r="G94" s="22">
        <v>7</v>
      </c>
    </row>
    <row r="95" spans="2:7" x14ac:dyDescent="0.2">
      <c r="B95" s="29"/>
      <c r="C95" s="7"/>
      <c r="D95" s="23">
        <v>100</v>
      </c>
      <c r="E95" s="24">
        <v>10.8</v>
      </c>
      <c r="F95" s="25">
        <v>78.5</v>
      </c>
      <c r="G95" s="26">
        <v>10.8</v>
      </c>
    </row>
    <row r="96" spans="2:7" x14ac:dyDescent="0.2">
      <c r="B96" s="29"/>
      <c r="C96" s="2" t="s">
        <v>20</v>
      </c>
      <c r="D96" s="19">
        <v>7</v>
      </c>
      <c r="E96" s="20">
        <v>2</v>
      </c>
      <c r="F96" s="21">
        <v>4</v>
      </c>
      <c r="G96" s="22">
        <v>1</v>
      </c>
    </row>
    <row r="97" spans="2:7" x14ac:dyDescent="0.2">
      <c r="B97" s="29"/>
      <c r="C97" s="7"/>
      <c r="D97" s="23">
        <v>100</v>
      </c>
      <c r="E97" s="24">
        <v>28.6</v>
      </c>
      <c r="F97" s="25">
        <v>57.1</v>
      </c>
      <c r="G97" s="26">
        <v>14.3</v>
      </c>
    </row>
    <row r="98" spans="2:7" x14ac:dyDescent="0.2">
      <c r="B98" s="29"/>
      <c r="C98" s="2" t="s">
        <v>19</v>
      </c>
      <c r="D98" s="19">
        <v>484</v>
      </c>
      <c r="E98" s="20">
        <v>80</v>
      </c>
      <c r="F98" s="21">
        <v>385</v>
      </c>
      <c r="G98" s="22">
        <v>19</v>
      </c>
    </row>
    <row r="99" spans="2:7" x14ac:dyDescent="0.2">
      <c r="B99" s="29"/>
      <c r="C99" s="7"/>
      <c r="D99" s="23">
        <v>100</v>
      </c>
      <c r="E99" s="24">
        <v>16.5</v>
      </c>
      <c r="F99" s="25">
        <v>79.5</v>
      </c>
      <c r="G99" s="26">
        <v>3.9</v>
      </c>
    </row>
    <row r="100" spans="2:7" x14ac:dyDescent="0.2">
      <c r="B100" s="29"/>
      <c r="C100" s="2" t="s">
        <v>18</v>
      </c>
      <c r="D100" s="19">
        <v>195</v>
      </c>
      <c r="E100" s="20">
        <v>30</v>
      </c>
      <c r="F100" s="21">
        <v>153</v>
      </c>
      <c r="G100" s="22">
        <v>12</v>
      </c>
    </row>
    <row r="101" spans="2:7" x14ac:dyDescent="0.2">
      <c r="B101" s="29"/>
      <c r="C101" s="7"/>
      <c r="D101" s="23">
        <v>100</v>
      </c>
      <c r="E101" s="24">
        <v>15.4</v>
      </c>
      <c r="F101" s="25">
        <v>78.5</v>
      </c>
      <c r="G101" s="26">
        <v>6.2</v>
      </c>
    </row>
    <row r="102" spans="2:7" x14ac:dyDescent="0.2">
      <c r="B102" s="29"/>
      <c r="C102" s="2" t="s">
        <v>17</v>
      </c>
      <c r="D102" s="19">
        <v>1</v>
      </c>
      <c r="E102" s="20" t="s">
        <v>152</v>
      </c>
      <c r="F102" s="21">
        <v>1</v>
      </c>
      <c r="G102" s="22" t="s">
        <v>152</v>
      </c>
    </row>
    <row r="103" spans="2:7" x14ac:dyDescent="0.2">
      <c r="B103" s="29"/>
      <c r="C103" s="7"/>
      <c r="D103" s="23">
        <v>100</v>
      </c>
      <c r="E103" s="24" t="s">
        <v>152</v>
      </c>
      <c r="F103" s="25">
        <v>100</v>
      </c>
      <c r="G103" s="26" t="s">
        <v>152</v>
      </c>
    </row>
    <row r="104" spans="2:7" x14ac:dyDescent="0.2">
      <c r="B104" s="29"/>
      <c r="C104" s="2" t="s">
        <v>151</v>
      </c>
      <c r="D104" s="19">
        <v>178</v>
      </c>
      <c r="E104" s="20">
        <v>43</v>
      </c>
      <c r="F104" s="21">
        <v>113</v>
      </c>
      <c r="G104" s="22">
        <v>22</v>
      </c>
    </row>
    <row r="105" spans="2:7" x14ac:dyDescent="0.2">
      <c r="B105" s="29"/>
      <c r="C105" s="7"/>
      <c r="D105" s="23">
        <v>100</v>
      </c>
      <c r="E105" s="24">
        <v>24.2</v>
      </c>
      <c r="F105" s="25">
        <v>63.5</v>
      </c>
      <c r="G105" s="26">
        <v>12.4</v>
      </c>
    </row>
    <row r="106" spans="2:7" x14ac:dyDescent="0.2">
      <c r="B106" s="29"/>
      <c r="C106" s="2" t="s">
        <v>16</v>
      </c>
      <c r="D106" s="19">
        <v>10</v>
      </c>
      <c r="E106" s="20">
        <v>3</v>
      </c>
      <c r="F106" s="21">
        <v>7</v>
      </c>
      <c r="G106" s="22" t="s">
        <v>152</v>
      </c>
    </row>
    <row r="107" spans="2:7" x14ac:dyDescent="0.2">
      <c r="B107" s="29"/>
      <c r="C107" s="7"/>
      <c r="D107" s="23">
        <v>100</v>
      </c>
      <c r="E107" s="24">
        <v>30</v>
      </c>
      <c r="F107" s="25">
        <v>70</v>
      </c>
      <c r="G107" s="26" t="s">
        <v>152</v>
      </c>
    </row>
    <row r="108" spans="2:7" x14ac:dyDescent="0.2">
      <c r="B108" s="29"/>
      <c r="C108" s="2" t="s">
        <v>15</v>
      </c>
      <c r="D108" s="19">
        <v>211</v>
      </c>
      <c r="E108" s="20">
        <v>31</v>
      </c>
      <c r="F108" s="21">
        <v>155</v>
      </c>
      <c r="G108" s="22">
        <v>25</v>
      </c>
    </row>
    <row r="109" spans="2:7" x14ac:dyDescent="0.2">
      <c r="B109" s="29"/>
      <c r="C109" s="7"/>
      <c r="D109" s="23">
        <v>100</v>
      </c>
      <c r="E109" s="24">
        <v>14.7</v>
      </c>
      <c r="F109" s="25">
        <v>73.5</v>
      </c>
      <c r="G109" s="26">
        <v>11.8</v>
      </c>
    </row>
    <row r="110" spans="2:7" x14ac:dyDescent="0.2">
      <c r="B110" s="29"/>
      <c r="C110" s="2" t="s">
        <v>14</v>
      </c>
      <c r="D110" s="19">
        <v>12</v>
      </c>
      <c r="E110" s="20">
        <v>4</v>
      </c>
      <c r="F110" s="21">
        <v>7</v>
      </c>
      <c r="G110" s="22">
        <v>1</v>
      </c>
    </row>
    <row r="111" spans="2:7" x14ac:dyDescent="0.2">
      <c r="B111" s="29"/>
      <c r="C111" s="7"/>
      <c r="D111" s="23">
        <v>100</v>
      </c>
      <c r="E111" s="24">
        <v>33.299999999999997</v>
      </c>
      <c r="F111" s="25">
        <v>58.3</v>
      </c>
      <c r="G111" s="26">
        <v>8.3000000000000007</v>
      </c>
    </row>
    <row r="112" spans="2:7" x14ac:dyDescent="0.2">
      <c r="B112" s="29"/>
      <c r="C112" s="2" t="s">
        <v>13</v>
      </c>
      <c r="D112" s="19">
        <v>78</v>
      </c>
      <c r="E112" s="20">
        <v>11</v>
      </c>
      <c r="F112" s="21">
        <v>50</v>
      </c>
      <c r="G112" s="22">
        <v>17</v>
      </c>
    </row>
    <row r="113" spans="2:7" x14ac:dyDescent="0.2">
      <c r="B113" s="30"/>
      <c r="C113" s="10"/>
      <c r="D113" s="15">
        <v>100</v>
      </c>
      <c r="E113" s="16">
        <v>14.1</v>
      </c>
      <c r="F113" s="17">
        <v>64.099999999999994</v>
      </c>
      <c r="G113" s="18">
        <v>21.8</v>
      </c>
    </row>
    <row r="114" spans="2:7" x14ac:dyDescent="0.2">
      <c r="B114" s="28" t="s">
        <v>31</v>
      </c>
      <c r="C114" s="9" t="s">
        <v>12</v>
      </c>
      <c r="D114" s="11">
        <v>752</v>
      </c>
      <c r="E114" s="12">
        <v>119</v>
      </c>
      <c r="F114" s="13">
        <v>594</v>
      </c>
      <c r="G114" s="14">
        <v>39</v>
      </c>
    </row>
    <row r="115" spans="2:7" x14ac:dyDescent="0.2">
      <c r="B115" s="29"/>
      <c r="C115" s="8"/>
      <c r="D115" s="15">
        <v>100</v>
      </c>
      <c r="E115" s="16">
        <v>15.8</v>
      </c>
      <c r="F115" s="17">
        <v>79</v>
      </c>
      <c r="G115" s="18">
        <v>5.2</v>
      </c>
    </row>
    <row r="116" spans="2:7" x14ac:dyDescent="0.2">
      <c r="B116" s="29"/>
      <c r="C116" s="2" t="s">
        <v>11</v>
      </c>
      <c r="D116" s="19">
        <v>2</v>
      </c>
      <c r="E116" s="20">
        <v>1</v>
      </c>
      <c r="F116" s="21">
        <v>1</v>
      </c>
      <c r="G116" s="22" t="s">
        <v>152</v>
      </c>
    </row>
    <row r="117" spans="2:7" x14ac:dyDescent="0.2">
      <c r="B117" s="29"/>
      <c r="C117" s="7"/>
      <c r="D117" s="23">
        <v>100</v>
      </c>
      <c r="E117" s="24">
        <v>50</v>
      </c>
      <c r="F117" s="25">
        <v>50</v>
      </c>
      <c r="G117" s="26" t="s">
        <v>152</v>
      </c>
    </row>
    <row r="118" spans="2:7" x14ac:dyDescent="0.2">
      <c r="B118" s="29"/>
      <c r="C118" s="2" t="s">
        <v>10</v>
      </c>
      <c r="D118" s="19">
        <v>32</v>
      </c>
      <c r="E118" s="20">
        <v>2</v>
      </c>
      <c r="F118" s="21">
        <v>26</v>
      </c>
      <c r="G118" s="22">
        <v>4</v>
      </c>
    </row>
    <row r="119" spans="2:7" x14ac:dyDescent="0.2">
      <c r="B119" s="29"/>
      <c r="C119" s="7"/>
      <c r="D119" s="23">
        <v>100</v>
      </c>
      <c r="E119" s="24">
        <v>6.3</v>
      </c>
      <c r="F119" s="25">
        <v>81.3</v>
      </c>
      <c r="G119" s="26">
        <v>12.5</v>
      </c>
    </row>
    <row r="120" spans="2:7" x14ac:dyDescent="0.2">
      <c r="B120" s="29"/>
      <c r="C120" s="2" t="s">
        <v>9</v>
      </c>
      <c r="D120" s="19">
        <v>33</v>
      </c>
      <c r="E120" s="20">
        <v>5</v>
      </c>
      <c r="F120" s="21">
        <v>25</v>
      </c>
      <c r="G120" s="22">
        <v>3</v>
      </c>
    </row>
    <row r="121" spans="2:7" x14ac:dyDescent="0.2">
      <c r="B121" s="29"/>
      <c r="C121" s="7"/>
      <c r="D121" s="23">
        <v>100</v>
      </c>
      <c r="E121" s="24">
        <v>15.2</v>
      </c>
      <c r="F121" s="25">
        <v>75.8</v>
      </c>
      <c r="G121" s="26">
        <v>9.1</v>
      </c>
    </row>
    <row r="122" spans="2:7" x14ac:dyDescent="0.2">
      <c r="B122" s="29"/>
      <c r="C122" s="2" t="s">
        <v>8</v>
      </c>
      <c r="D122" s="19">
        <v>71</v>
      </c>
      <c r="E122" s="20">
        <v>14</v>
      </c>
      <c r="F122" s="21">
        <v>55</v>
      </c>
      <c r="G122" s="22">
        <v>2</v>
      </c>
    </row>
    <row r="123" spans="2:7" x14ac:dyDescent="0.2">
      <c r="B123" s="29"/>
      <c r="C123" s="7"/>
      <c r="D123" s="23">
        <v>100</v>
      </c>
      <c r="E123" s="24">
        <v>19.7</v>
      </c>
      <c r="F123" s="25">
        <v>77.5</v>
      </c>
      <c r="G123" s="26">
        <v>2.8</v>
      </c>
    </row>
    <row r="124" spans="2:7" x14ac:dyDescent="0.2">
      <c r="B124" s="29"/>
      <c r="C124" s="2" t="s">
        <v>7</v>
      </c>
      <c r="D124" s="19">
        <v>152</v>
      </c>
      <c r="E124" s="20">
        <v>18</v>
      </c>
      <c r="F124" s="21">
        <v>128</v>
      </c>
      <c r="G124" s="22">
        <v>6</v>
      </c>
    </row>
    <row r="125" spans="2:7" x14ac:dyDescent="0.2">
      <c r="B125" s="29"/>
      <c r="C125" s="7"/>
      <c r="D125" s="23">
        <v>100</v>
      </c>
      <c r="E125" s="24">
        <v>11.8</v>
      </c>
      <c r="F125" s="25">
        <v>84.2</v>
      </c>
      <c r="G125" s="26">
        <v>3.9</v>
      </c>
    </row>
    <row r="126" spans="2:7" x14ac:dyDescent="0.2">
      <c r="B126" s="29"/>
      <c r="C126" s="2" t="s">
        <v>6</v>
      </c>
      <c r="D126" s="19">
        <v>176</v>
      </c>
      <c r="E126" s="20">
        <v>30</v>
      </c>
      <c r="F126" s="21">
        <v>136</v>
      </c>
      <c r="G126" s="22">
        <v>10</v>
      </c>
    </row>
    <row r="127" spans="2:7" x14ac:dyDescent="0.2">
      <c r="B127" s="29"/>
      <c r="C127" s="7"/>
      <c r="D127" s="23">
        <v>100</v>
      </c>
      <c r="E127" s="24">
        <v>17</v>
      </c>
      <c r="F127" s="25">
        <v>77.3</v>
      </c>
      <c r="G127" s="26">
        <v>5.7</v>
      </c>
    </row>
    <row r="128" spans="2:7" x14ac:dyDescent="0.2">
      <c r="B128" s="29"/>
      <c r="C128" s="2" t="s">
        <v>5</v>
      </c>
      <c r="D128" s="19">
        <v>37</v>
      </c>
      <c r="E128" s="20">
        <v>11</v>
      </c>
      <c r="F128" s="21">
        <v>25</v>
      </c>
      <c r="G128" s="22">
        <v>1</v>
      </c>
    </row>
    <row r="129" spans="2:7" x14ac:dyDescent="0.2">
      <c r="B129" s="29"/>
      <c r="C129" s="7"/>
      <c r="D129" s="23">
        <v>100</v>
      </c>
      <c r="E129" s="24">
        <v>29.7</v>
      </c>
      <c r="F129" s="25">
        <v>67.599999999999994</v>
      </c>
      <c r="G129" s="26">
        <v>2.7</v>
      </c>
    </row>
    <row r="130" spans="2:7" x14ac:dyDescent="0.2">
      <c r="B130" s="29"/>
      <c r="C130" s="2" t="s">
        <v>4</v>
      </c>
      <c r="D130" s="19">
        <v>67</v>
      </c>
      <c r="E130" s="20">
        <v>11</v>
      </c>
      <c r="F130" s="21">
        <v>55</v>
      </c>
      <c r="G130" s="22">
        <v>1</v>
      </c>
    </row>
    <row r="131" spans="2:7" x14ac:dyDescent="0.2">
      <c r="B131" s="29"/>
      <c r="C131" s="7"/>
      <c r="D131" s="23">
        <v>100</v>
      </c>
      <c r="E131" s="24">
        <v>16.399999999999999</v>
      </c>
      <c r="F131" s="25">
        <v>82.1</v>
      </c>
      <c r="G131" s="26">
        <v>1.5</v>
      </c>
    </row>
    <row r="132" spans="2:7" x14ac:dyDescent="0.2">
      <c r="B132" s="29"/>
      <c r="C132" s="2" t="s">
        <v>3</v>
      </c>
      <c r="D132" s="19">
        <v>159</v>
      </c>
      <c r="E132" s="20">
        <v>22</v>
      </c>
      <c r="F132" s="21">
        <v>127</v>
      </c>
      <c r="G132" s="22">
        <v>10</v>
      </c>
    </row>
    <row r="133" spans="2:7" x14ac:dyDescent="0.2">
      <c r="B133" s="29"/>
      <c r="C133" s="7"/>
      <c r="D133" s="23">
        <v>100</v>
      </c>
      <c r="E133" s="24">
        <v>13.8</v>
      </c>
      <c r="F133" s="25">
        <v>79.900000000000006</v>
      </c>
      <c r="G133" s="26">
        <v>6.3</v>
      </c>
    </row>
    <row r="134" spans="2:7" x14ac:dyDescent="0.2">
      <c r="B134" s="29"/>
      <c r="C134" s="2" t="s">
        <v>2</v>
      </c>
      <c r="D134" s="19">
        <v>23</v>
      </c>
      <c r="E134" s="20">
        <v>5</v>
      </c>
      <c r="F134" s="21">
        <v>16</v>
      </c>
      <c r="G134" s="22">
        <v>2</v>
      </c>
    </row>
    <row r="135" spans="2:7" x14ac:dyDescent="0.2">
      <c r="B135" s="30"/>
      <c r="C135" s="10"/>
      <c r="D135" s="15">
        <v>100</v>
      </c>
      <c r="E135" s="16">
        <v>21.7</v>
      </c>
      <c r="F135" s="17">
        <v>69.599999999999994</v>
      </c>
      <c r="G135" s="18">
        <v>8.699999999999999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63</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211</v>
      </c>
      <c r="F4" s="13">
        <v>926</v>
      </c>
      <c r="G4" s="14">
        <v>104</v>
      </c>
    </row>
    <row r="5" spans="2:7" x14ac:dyDescent="0.2">
      <c r="B5" s="29"/>
      <c r="C5" s="8"/>
      <c r="D5" s="15">
        <v>100</v>
      </c>
      <c r="E5" s="16">
        <v>17</v>
      </c>
      <c r="F5" s="17">
        <v>74.599999999999994</v>
      </c>
      <c r="G5" s="18">
        <v>8.4</v>
      </c>
    </row>
    <row r="6" spans="2:7" x14ac:dyDescent="0.2">
      <c r="B6" s="29"/>
      <c r="C6" s="2" t="s">
        <v>52</v>
      </c>
      <c r="D6" s="19">
        <v>557</v>
      </c>
      <c r="E6" s="20">
        <v>89</v>
      </c>
      <c r="F6" s="21">
        <v>412</v>
      </c>
      <c r="G6" s="22">
        <v>56</v>
      </c>
    </row>
    <row r="7" spans="2:7" x14ac:dyDescent="0.2">
      <c r="B7" s="29"/>
      <c r="C7" s="7"/>
      <c r="D7" s="23">
        <v>100</v>
      </c>
      <c r="E7" s="24">
        <v>16</v>
      </c>
      <c r="F7" s="25">
        <v>74</v>
      </c>
      <c r="G7" s="26">
        <v>10.1</v>
      </c>
    </row>
    <row r="8" spans="2:7" x14ac:dyDescent="0.2">
      <c r="B8" s="29"/>
      <c r="C8" s="2" t="s">
        <v>51</v>
      </c>
      <c r="D8" s="19">
        <v>595</v>
      </c>
      <c r="E8" s="20">
        <v>107</v>
      </c>
      <c r="F8" s="21">
        <v>456</v>
      </c>
      <c r="G8" s="22">
        <v>32</v>
      </c>
    </row>
    <row r="9" spans="2:7" x14ac:dyDescent="0.2">
      <c r="B9" s="29"/>
      <c r="C9" s="7"/>
      <c r="D9" s="23">
        <v>100</v>
      </c>
      <c r="E9" s="24">
        <v>18</v>
      </c>
      <c r="F9" s="25">
        <v>76.599999999999994</v>
      </c>
      <c r="G9" s="26">
        <v>5.4</v>
      </c>
    </row>
    <row r="10" spans="2:7" x14ac:dyDescent="0.2">
      <c r="B10" s="29"/>
      <c r="C10" s="2" t="s">
        <v>13</v>
      </c>
      <c r="D10" s="19">
        <v>89</v>
      </c>
      <c r="E10" s="20">
        <v>15</v>
      </c>
      <c r="F10" s="21">
        <v>58</v>
      </c>
      <c r="G10" s="22">
        <v>16</v>
      </c>
    </row>
    <row r="11" spans="2:7" x14ac:dyDescent="0.2">
      <c r="B11" s="30"/>
      <c r="C11" s="10"/>
      <c r="D11" s="15">
        <v>100</v>
      </c>
      <c r="E11" s="16">
        <v>16.899999999999999</v>
      </c>
      <c r="F11" s="17">
        <v>65.2</v>
      </c>
      <c r="G11" s="18">
        <v>18</v>
      </c>
    </row>
    <row r="12" spans="2:7" x14ac:dyDescent="0.2">
      <c r="B12" s="28" t="s">
        <v>54</v>
      </c>
      <c r="C12" s="9" t="s">
        <v>12</v>
      </c>
      <c r="D12" s="11">
        <v>1241</v>
      </c>
      <c r="E12" s="12">
        <v>211</v>
      </c>
      <c r="F12" s="13">
        <v>926</v>
      </c>
      <c r="G12" s="14">
        <v>104</v>
      </c>
    </row>
    <row r="13" spans="2:7" x14ac:dyDescent="0.2">
      <c r="B13" s="29"/>
      <c r="C13" s="8"/>
      <c r="D13" s="15">
        <v>100</v>
      </c>
      <c r="E13" s="16">
        <v>17</v>
      </c>
      <c r="F13" s="17">
        <v>74.599999999999994</v>
      </c>
      <c r="G13" s="18">
        <v>8.4</v>
      </c>
    </row>
    <row r="14" spans="2:7" x14ac:dyDescent="0.2">
      <c r="B14" s="29"/>
      <c r="C14" s="2" t="s">
        <v>50</v>
      </c>
      <c r="D14" s="19">
        <v>84</v>
      </c>
      <c r="E14" s="20">
        <v>19</v>
      </c>
      <c r="F14" s="21">
        <v>64</v>
      </c>
      <c r="G14" s="22">
        <v>1</v>
      </c>
    </row>
    <row r="15" spans="2:7" x14ac:dyDescent="0.2">
      <c r="B15" s="29"/>
      <c r="C15" s="7"/>
      <c r="D15" s="23">
        <v>100</v>
      </c>
      <c r="E15" s="24">
        <v>22.6</v>
      </c>
      <c r="F15" s="25">
        <v>76.2</v>
      </c>
      <c r="G15" s="26">
        <v>1.2</v>
      </c>
    </row>
    <row r="16" spans="2:7" x14ac:dyDescent="0.2">
      <c r="B16" s="29"/>
      <c r="C16" s="2" t="s">
        <v>49</v>
      </c>
      <c r="D16" s="19">
        <v>97</v>
      </c>
      <c r="E16" s="20">
        <v>28</v>
      </c>
      <c r="F16" s="21">
        <v>68</v>
      </c>
      <c r="G16" s="22">
        <v>1</v>
      </c>
    </row>
    <row r="17" spans="2:7" x14ac:dyDescent="0.2">
      <c r="B17" s="29"/>
      <c r="C17" s="7"/>
      <c r="D17" s="23">
        <v>100</v>
      </c>
      <c r="E17" s="24">
        <v>28.9</v>
      </c>
      <c r="F17" s="25">
        <v>70.099999999999994</v>
      </c>
      <c r="G17" s="26">
        <v>1</v>
      </c>
    </row>
    <row r="18" spans="2:7" x14ac:dyDescent="0.2">
      <c r="B18" s="29"/>
      <c r="C18" s="2" t="s">
        <v>48</v>
      </c>
      <c r="D18" s="19">
        <v>79</v>
      </c>
      <c r="E18" s="20">
        <v>14</v>
      </c>
      <c r="F18" s="21">
        <v>62</v>
      </c>
      <c r="G18" s="22">
        <v>3</v>
      </c>
    </row>
    <row r="19" spans="2:7" x14ac:dyDescent="0.2">
      <c r="B19" s="29"/>
      <c r="C19" s="7"/>
      <c r="D19" s="23">
        <v>100</v>
      </c>
      <c r="E19" s="24">
        <v>17.7</v>
      </c>
      <c r="F19" s="25">
        <v>78.5</v>
      </c>
      <c r="G19" s="26">
        <v>3.8</v>
      </c>
    </row>
    <row r="20" spans="2:7" x14ac:dyDescent="0.2">
      <c r="B20" s="29"/>
      <c r="C20" s="2" t="s">
        <v>47</v>
      </c>
      <c r="D20" s="19">
        <v>72</v>
      </c>
      <c r="E20" s="20">
        <v>9</v>
      </c>
      <c r="F20" s="21">
        <v>62</v>
      </c>
      <c r="G20" s="22">
        <v>1</v>
      </c>
    </row>
    <row r="21" spans="2:7" x14ac:dyDescent="0.2">
      <c r="B21" s="29"/>
      <c r="C21" s="7"/>
      <c r="D21" s="23">
        <v>100</v>
      </c>
      <c r="E21" s="24">
        <v>12.5</v>
      </c>
      <c r="F21" s="25">
        <v>86.1</v>
      </c>
      <c r="G21" s="26">
        <v>1.4</v>
      </c>
    </row>
    <row r="22" spans="2:7" x14ac:dyDescent="0.2">
      <c r="B22" s="29"/>
      <c r="C22" s="2" t="s">
        <v>46</v>
      </c>
      <c r="D22" s="19">
        <v>15</v>
      </c>
      <c r="E22" s="20">
        <v>6</v>
      </c>
      <c r="F22" s="21">
        <v>8</v>
      </c>
      <c r="G22" s="22">
        <v>1</v>
      </c>
    </row>
    <row r="23" spans="2:7" x14ac:dyDescent="0.2">
      <c r="B23" s="29"/>
      <c r="C23" s="7"/>
      <c r="D23" s="23">
        <v>100</v>
      </c>
      <c r="E23" s="24">
        <v>40</v>
      </c>
      <c r="F23" s="25">
        <v>53.3</v>
      </c>
      <c r="G23" s="26">
        <v>6.7</v>
      </c>
    </row>
    <row r="24" spans="2:7" x14ac:dyDescent="0.2">
      <c r="B24" s="29"/>
      <c r="C24" s="2" t="s">
        <v>45</v>
      </c>
      <c r="D24" s="19">
        <v>77</v>
      </c>
      <c r="E24" s="20">
        <v>8</v>
      </c>
      <c r="F24" s="21">
        <v>66</v>
      </c>
      <c r="G24" s="22">
        <v>3</v>
      </c>
    </row>
    <row r="25" spans="2:7" x14ac:dyDescent="0.2">
      <c r="B25" s="29"/>
      <c r="C25" s="7"/>
      <c r="D25" s="23">
        <v>100</v>
      </c>
      <c r="E25" s="24">
        <v>10.4</v>
      </c>
      <c r="F25" s="25">
        <v>85.7</v>
      </c>
      <c r="G25" s="26">
        <v>3.9</v>
      </c>
    </row>
    <row r="26" spans="2:7" x14ac:dyDescent="0.2">
      <c r="B26" s="29"/>
      <c r="C26" s="2" t="s">
        <v>44</v>
      </c>
      <c r="D26" s="19">
        <v>260</v>
      </c>
      <c r="E26" s="20">
        <v>33</v>
      </c>
      <c r="F26" s="21">
        <v>200</v>
      </c>
      <c r="G26" s="22">
        <v>27</v>
      </c>
    </row>
    <row r="27" spans="2:7" x14ac:dyDescent="0.2">
      <c r="B27" s="29"/>
      <c r="C27" s="7"/>
      <c r="D27" s="23">
        <v>100</v>
      </c>
      <c r="E27" s="24">
        <v>12.7</v>
      </c>
      <c r="F27" s="25">
        <v>76.900000000000006</v>
      </c>
      <c r="G27" s="26">
        <v>10.4</v>
      </c>
    </row>
    <row r="28" spans="2:7" x14ac:dyDescent="0.2">
      <c r="B28" s="29"/>
      <c r="C28" s="2" t="s">
        <v>43</v>
      </c>
      <c r="D28" s="19">
        <v>334</v>
      </c>
      <c r="E28" s="20">
        <v>56</v>
      </c>
      <c r="F28" s="21">
        <v>248</v>
      </c>
      <c r="G28" s="22">
        <v>30</v>
      </c>
    </row>
    <row r="29" spans="2:7" x14ac:dyDescent="0.2">
      <c r="B29" s="29"/>
      <c r="C29" s="7"/>
      <c r="D29" s="23">
        <v>100</v>
      </c>
      <c r="E29" s="24">
        <v>16.8</v>
      </c>
      <c r="F29" s="25">
        <v>74.3</v>
      </c>
      <c r="G29" s="26">
        <v>9</v>
      </c>
    </row>
    <row r="30" spans="2:7" x14ac:dyDescent="0.2">
      <c r="B30" s="29"/>
      <c r="C30" s="2" t="s">
        <v>14</v>
      </c>
      <c r="D30" s="19">
        <v>28</v>
      </c>
      <c r="E30" s="20">
        <v>3</v>
      </c>
      <c r="F30" s="21">
        <v>22</v>
      </c>
      <c r="G30" s="22">
        <v>3</v>
      </c>
    </row>
    <row r="31" spans="2:7" x14ac:dyDescent="0.2">
      <c r="B31" s="29"/>
      <c r="C31" s="7"/>
      <c r="D31" s="23">
        <v>100</v>
      </c>
      <c r="E31" s="24">
        <v>10.7</v>
      </c>
      <c r="F31" s="25">
        <v>78.599999999999994</v>
      </c>
      <c r="G31" s="26">
        <v>10.7</v>
      </c>
    </row>
    <row r="32" spans="2:7" x14ac:dyDescent="0.2">
      <c r="B32" s="29"/>
      <c r="C32" s="2" t="s">
        <v>42</v>
      </c>
      <c r="D32" s="19">
        <v>390</v>
      </c>
      <c r="E32" s="20">
        <v>65</v>
      </c>
      <c r="F32" s="21">
        <v>293</v>
      </c>
      <c r="G32" s="22">
        <v>32</v>
      </c>
    </row>
    <row r="33" spans="2:7" x14ac:dyDescent="0.2">
      <c r="B33" s="29"/>
      <c r="C33" s="7"/>
      <c r="D33" s="23">
        <v>100</v>
      </c>
      <c r="E33" s="24">
        <v>16.7</v>
      </c>
      <c r="F33" s="25">
        <v>75.099999999999994</v>
      </c>
      <c r="G33" s="26">
        <v>8.1999999999999993</v>
      </c>
    </row>
    <row r="34" spans="2:7" x14ac:dyDescent="0.2">
      <c r="B34" s="29"/>
      <c r="C34" s="2" t="s">
        <v>13</v>
      </c>
      <c r="D34" s="19">
        <v>70</v>
      </c>
      <c r="E34" s="20">
        <v>11</v>
      </c>
      <c r="F34" s="21">
        <v>43</v>
      </c>
      <c r="G34" s="22">
        <v>16</v>
      </c>
    </row>
    <row r="35" spans="2:7" x14ac:dyDescent="0.2">
      <c r="B35" s="30"/>
      <c r="C35" s="10"/>
      <c r="D35" s="15">
        <v>100</v>
      </c>
      <c r="E35" s="16">
        <v>15.7</v>
      </c>
      <c r="F35" s="17">
        <v>61.4</v>
      </c>
      <c r="G35" s="18">
        <v>22.9</v>
      </c>
    </row>
    <row r="36" spans="2:7" x14ac:dyDescent="0.2">
      <c r="B36" s="28" t="s">
        <v>53</v>
      </c>
      <c r="C36" s="9" t="s">
        <v>12</v>
      </c>
      <c r="D36" s="11">
        <v>1241</v>
      </c>
      <c r="E36" s="12">
        <v>211</v>
      </c>
      <c r="F36" s="13">
        <v>926</v>
      </c>
      <c r="G36" s="14">
        <v>104</v>
      </c>
    </row>
    <row r="37" spans="2:7" x14ac:dyDescent="0.2">
      <c r="B37" s="29"/>
      <c r="C37" s="8"/>
      <c r="D37" s="15">
        <v>100</v>
      </c>
      <c r="E37" s="16">
        <v>17</v>
      </c>
      <c r="F37" s="17">
        <v>74.599999999999994</v>
      </c>
      <c r="G37" s="18">
        <v>8.4</v>
      </c>
    </row>
    <row r="38" spans="2:7" x14ac:dyDescent="0.2">
      <c r="B38" s="29"/>
      <c r="C38" s="2" t="s">
        <v>41</v>
      </c>
      <c r="D38" s="19">
        <v>799</v>
      </c>
      <c r="E38" s="20">
        <v>132</v>
      </c>
      <c r="F38" s="21">
        <v>628</v>
      </c>
      <c r="G38" s="22">
        <v>39</v>
      </c>
    </row>
    <row r="39" spans="2:7" x14ac:dyDescent="0.2">
      <c r="B39" s="29"/>
      <c r="C39" s="7"/>
      <c r="D39" s="23">
        <v>100</v>
      </c>
      <c r="E39" s="24">
        <v>16.5</v>
      </c>
      <c r="F39" s="25">
        <v>78.599999999999994</v>
      </c>
      <c r="G39" s="26">
        <v>4.9000000000000004</v>
      </c>
    </row>
    <row r="40" spans="2:7" x14ac:dyDescent="0.2">
      <c r="B40" s="29"/>
      <c r="C40" s="2" t="s">
        <v>40</v>
      </c>
      <c r="D40" s="19">
        <v>182</v>
      </c>
      <c r="E40" s="20">
        <v>28</v>
      </c>
      <c r="F40" s="21">
        <v>134</v>
      </c>
      <c r="G40" s="22">
        <v>20</v>
      </c>
    </row>
    <row r="41" spans="2:7" x14ac:dyDescent="0.2">
      <c r="B41" s="29"/>
      <c r="C41" s="7"/>
      <c r="D41" s="23">
        <v>100</v>
      </c>
      <c r="E41" s="24">
        <v>15.4</v>
      </c>
      <c r="F41" s="25">
        <v>73.599999999999994</v>
      </c>
      <c r="G41" s="26">
        <v>11</v>
      </c>
    </row>
    <row r="42" spans="2:7" x14ac:dyDescent="0.2">
      <c r="B42" s="29"/>
      <c r="C42" s="2" t="s">
        <v>39</v>
      </c>
      <c r="D42" s="19">
        <v>72</v>
      </c>
      <c r="E42" s="20">
        <v>17</v>
      </c>
      <c r="F42" s="21">
        <v>46</v>
      </c>
      <c r="G42" s="22">
        <v>9</v>
      </c>
    </row>
    <row r="43" spans="2:7" x14ac:dyDescent="0.2">
      <c r="B43" s="29"/>
      <c r="C43" s="7"/>
      <c r="D43" s="23">
        <v>100</v>
      </c>
      <c r="E43" s="24">
        <v>23.6</v>
      </c>
      <c r="F43" s="25">
        <v>63.9</v>
      </c>
      <c r="G43" s="26">
        <v>12.5</v>
      </c>
    </row>
    <row r="44" spans="2:7" x14ac:dyDescent="0.2">
      <c r="B44" s="29"/>
      <c r="C44" s="2" t="s">
        <v>38</v>
      </c>
      <c r="D44" s="19">
        <v>127</v>
      </c>
      <c r="E44" s="20">
        <v>25</v>
      </c>
      <c r="F44" s="21">
        <v>81</v>
      </c>
      <c r="G44" s="22">
        <v>21</v>
      </c>
    </row>
    <row r="45" spans="2:7" x14ac:dyDescent="0.2">
      <c r="B45" s="29"/>
      <c r="C45" s="7"/>
      <c r="D45" s="23">
        <v>100</v>
      </c>
      <c r="E45" s="24">
        <v>19.7</v>
      </c>
      <c r="F45" s="25">
        <v>63.8</v>
      </c>
      <c r="G45" s="26">
        <v>16.5</v>
      </c>
    </row>
    <row r="46" spans="2:7" x14ac:dyDescent="0.2">
      <c r="B46" s="29"/>
      <c r="C46" s="2" t="s">
        <v>13</v>
      </c>
      <c r="D46" s="19">
        <v>61</v>
      </c>
      <c r="E46" s="20">
        <v>9</v>
      </c>
      <c r="F46" s="21">
        <v>37</v>
      </c>
      <c r="G46" s="22">
        <v>15</v>
      </c>
    </row>
    <row r="47" spans="2:7" x14ac:dyDescent="0.2">
      <c r="B47" s="30"/>
      <c r="C47" s="10"/>
      <c r="D47" s="15">
        <v>100</v>
      </c>
      <c r="E47" s="16">
        <v>14.8</v>
      </c>
      <c r="F47" s="17">
        <v>60.7</v>
      </c>
      <c r="G47" s="18">
        <v>24.6</v>
      </c>
    </row>
  </sheetData>
  <mergeCells count="3">
    <mergeCell ref="B4:B11"/>
    <mergeCell ref="B12:B35"/>
    <mergeCell ref="B36:B47"/>
  </mergeCells>
  <phoneticPr fontId="2"/>
  <pageMargins left="0.7" right="0.7" top="0.75" bottom="0.75" header="0.3" footer="0.3"/>
</worksheet>
</file>

<file path=xl/worksheets/sheet4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62</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330</v>
      </c>
      <c r="F4" s="13">
        <v>820</v>
      </c>
      <c r="G4" s="14">
        <v>91</v>
      </c>
    </row>
    <row r="5" spans="2:7" x14ac:dyDescent="0.2">
      <c r="B5" s="29"/>
      <c r="C5" s="8"/>
      <c r="D5" s="15">
        <v>100</v>
      </c>
      <c r="E5" s="16">
        <v>26.6</v>
      </c>
      <c r="F5" s="17">
        <v>66.099999999999994</v>
      </c>
      <c r="G5" s="18">
        <v>7.3</v>
      </c>
    </row>
    <row r="6" spans="2:7" x14ac:dyDescent="0.2">
      <c r="B6" s="29"/>
      <c r="C6" s="2" t="s">
        <v>30</v>
      </c>
      <c r="D6" s="19">
        <v>499</v>
      </c>
      <c r="E6" s="20">
        <v>155</v>
      </c>
      <c r="F6" s="21">
        <v>320</v>
      </c>
      <c r="G6" s="22">
        <v>24</v>
      </c>
    </row>
    <row r="7" spans="2:7" x14ac:dyDescent="0.2">
      <c r="B7" s="29"/>
      <c r="C7" s="7"/>
      <c r="D7" s="23">
        <v>100</v>
      </c>
      <c r="E7" s="24">
        <v>31.1</v>
      </c>
      <c r="F7" s="25">
        <v>64.099999999999994</v>
      </c>
      <c r="G7" s="26">
        <v>4.8</v>
      </c>
    </row>
    <row r="8" spans="2:7" x14ac:dyDescent="0.2">
      <c r="B8" s="29"/>
      <c r="C8" s="2" t="s">
        <v>29</v>
      </c>
      <c r="D8" s="19">
        <v>150</v>
      </c>
      <c r="E8" s="20">
        <v>44</v>
      </c>
      <c r="F8" s="21">
        <v>92</v>
      </c>
      <c r="G8" s="22">
        <v>14</v>
      </c>
    </row>
    <row r="9" spans="2:7" x14ac:dyDescent="0.2">
      <c r="B9" s="29"/>
      <c r="C9" s="7"/>
      <c r="D9" s="23">
        <v>100</v>
      </c>
      <c r="E9" s="24">
        <v>29.3</v>
      </c>
      <c r="F9" s="25">
        <v>61.3</v>
      </c>
      <c r="G9" s="26">
        <v>9.3000000000000007</v>
      </c>
    </row>
    <row r="10" spans="2:7" x14ac:dyDescent="0.2">
      <c r="B10" s="29"/>
      <c r="C10" s="2" t="s">
        <v>28</v>
      </c>
      <c r="D10" s="19">
        <v>82</v>
      </c>
      <c r="E10" s="20">
        <v>18</v>
      </c>
      <c r="F10" s="21">
        <v>57</v>
      </c>
      <c r="G10" s="22">
        <v>7</v>
      </c>
    </row>
    <row r="11" spans="2:7" x14ac:dyDescent="0.2">
      <c r="B11" s="29"/>
      <c r="C11" s="7"/>
      <c r="D11" s="23">
        <v>100</v>
      </c>
      <c r="E11" s="24">
        <v>22</v>
      </c>
      <c r="F11" s="25">
        <v>69.5</v>
      </c>
      <c r="G11" s="26">
        <v>8.5</v>
      </c>
    </row>
    <row r="12" spans="2:7" x14ac:dyDescent="0.2">
      <c r="B12" s="29"/>
      <c r="C12" s="2" t="s">
        <v>27</v>
      </c>
      <c r="D12" s="19">
        <v>92</v>
      </c>
      <c r="E12" s="20">
        <v>25</v>
      </c>
      <c r="F12" s="21">
        <v>60</v>
      </c>
      <c r="G12" s="22">
        <v>7</v>
      </c>
    </row>
    <row r="13" spans="2:7" x14ac:dyDescent="0.2">
      <c r="B13" s="29"/>
      <c r="C13" s="7"/>
      <c r="D13" s="23">
        <v>100</v>
      </c>
      <c r="E13" s="24">
        <v>27.2</v>
      </c>
      <c r="F13" s="25">
        <v>65.2</v>
      </c>
      <c r="G13" s="26">
        <v>7.6</v>
      </c>
    </row>
    <row r="14" spans="2:7" x14ac:dyDescent="0.2">
      <c r="B14" s="29"/>
      <c r="C14" s="2" t="s">
        <v>26</v>
      </c>
      <c r="D14" s="19">
        <v>112</v>
      </c>
      <c r="E14" s="20">
        <v>24</v>
      </c>
      <c r="F14" s="21">
        <v>78</v>
      </c>
      <c r="G14" s="22">
        <v>10</v>
      </c>
    </row>
    <row r="15" spans="2:7" x14ac:dyDescent="0.2">
      <c r="B15" s="29"/>
      <c r="C15" s="7"/>
      <c r="D15" s="23">
        <v>100</v>
      </c>
      <c r="E15" s="24">
        <v>21.4</v>
      </c>
      <c r="F15" s="25">
        <v>69.599999999999994</v>
      </c>
      <c r="G15" s="26">
        <v>8.9</v>
      </c>
    </row>
    <row r="16" spans="2:7" x14ac:dyDescent="0.2">
      <c r="B16" s="29"/>
      <c r="C16" s="2" t="s">
        <v>25</v>
      </c>
      <c r="D16" s="19">
        <v>188</v>
      </c>
      <c r="E16" s="20">
        <v>39</v>
      </c>
      <c r="F16" s="21">
        <v>132</v>
      </c>
      <c r="G16" s="22">
        <v>17</v>
      </c>
    </row>
    <row r="17" spans="2:7" x14ac:dyDescent="0.2">
      <c r="B17" s="29"/>
      <c r="C17" s="7"/>
      <c r="D17" s="23">
        <v>100</v>
      </c>
      <c r="E17" s="24">
        <v>20.7</v>
      </c>
      <c r="F17" s="25">
        <v>70.2</v>
      </c>
      <c r="G17" s="26">
        <v>9</v>
      </c>
    </row>
    <row r="18" spans="2:7" x14ac:dyDescent="0.2">
      <c r="B18" s="29"/>
      <c r="C18" s="2" t="s">
        <v>24</v>
      </c>
      <c r="D18" s="19">
        <v>60</v>
      </c>
      <c r="E18" s="20">
        <v>14</v>
      </c>
      <c r="F18" s="21">
        <v>43</v>
      </c>
      <c r="G18" s="22">
        <v>3</v>
      </c>
    </row>
    <row r="19" spans="2:7" x14ac:dyDescent="0.2">
      <c r="B19" s="29"/>
      <c r="C19" s="7"/>
      <c r="D19" s="23">
        <v>100</v>
      </c>
      <c r="E19" s="24">
        <v>23.3</v>
      </c>
      <c r="F19" s="25">
        <v>71.7</v>
      </c>
      <c r="G19" s="26">
        <v>5</v>
      </c>
    </row>
    <row r="20" spans="2:7" x14ac:dyDescent="0.2">
      <c r="B20" s="29"/>
      <c r="C20" s="2" t="s">
        <v>13</v>
      </c>
      <c r="D20" s="19">
        <v>58</v>
      </c>
      <c r="E20" s="20">
        <v>11</v>
      </c>
      <c r="F20" s="21">
        <v>38</v>
      </c>
      <c r="G20" s="22">
        <v>9</v>
      </c>
    </row>
    <row r="21" spans="2:7" x14ac:dyDescent="0.2">
      <c r="B21" s="30"/>
      <c r="C21" s="10"/>
      <c r="D21" s="15">
        <v>100</v>
      </c>
      <c r="E21" s="16">
        <v>19</v>
      </c>
      <c r="F21" s="17">
        <v>65.5</v>
      </c>
      <c r="G21" s="18">
        <v>15.5</v>
      </c>
    </row>
    <row r="22" spans="2:7" x14ac:dyDescent="0.2">
      <c r="B22" s="28" t="s">
        <v>35</v>
      </c>
      <c r="C22" s="9" t="s">
        <v>12</v>
      </c>
      <c r="D22" s="11">
        <v>1241</v>
      </c>
      <c r="E22" s="12">
        <v>330</v>
      </c>
      <c r="F22" s="13">
        <v>820</v>
      </c>
      <c r="G22" s="14">
        <v>91</v>
      </c>
    </row>
    <row r="23" spans="2:7" x14ac:dyDescent="0.2">
      <c r="B23" s="29"/>
      <c r="C23" s="8"/>
      <c r="D23" s="15">
        <v>100</v>
      </c>
      <c r="E23" s="16">
        <v>26.6</v>
      </c>
      <c r="F23" s="17">
        <v>66.099999999999994</v>
      </c>
      <c r="G23" s="18">
        <v>7.3</v>
      </c>
    </row>
    <row r="24" spans="2:7" x14ac:dyDescent="0.2">
      <c r="B24" s="29"/>
      <c r="C24" s="2" t="s">
        <v>23</v>
      </c>
      <c r="D24" s="19">
        <v>563</v>
      </c>
      <c r="E24" s="20">
        <v>133</v>
      </c>
      <c r="F24" s="21">
        <v>398</v>
      </c>
      <c r="G24" s="22">
        <v>32</v>
      </c>
    </row>
    <row r="25" spans="2:7" x14ac:dyDescent="0.2">
      <c r="B25" s="29"/>
      <c r="C25" s="7"/>
      <c r="D25" s="23">
        <v>100</v>
      </c>
      <c r="E25" s="24">
        <v>23.6</v>
      </c>
      <c r="F25" s="25">
        <v>70.7</v>
      </c>
      <c r="G25" s="26">
        <v>5.7</v>
      </c>
    </row>
    <row r="26" spans="2:7" x14ac:dyDescent="0.2">
      <c r="B26" s="29"/>
      <c r="C26" s="2" t="s">
        <v>22</v>
      </c>
      <c r="D26" s="19">
        <v>607</v>
      </c>
      <c r="E26" s="20">
        <v>183</v>
      </c>
      <c r="F26" s="21">
        <v>374</v>
      </c>
      <c r="G26" s="22">
        <v>50</v>
      </c>
    </row>
    <row r="27" spans="2:7" x14ac:dyDescent="0.2">
      <c r="B27" s="29"/>
      <c r="C27" s="7"/>
      <c r="D27" s="23">
        <v>100</v>
      </c>
      <c r="E27" s="24">
        <v>30.1</v>
      </c>
      <c r="F27" s="25">
        <v>61.6</v>
      </c>
      <c r="G27" s="26">
        <v>8.1999999999999993</v>
      </c>
    </row>
    <row r="28" spans="2:7" x14ac:dyDescent="0.2">
      <c r="B28" s="29"/>
      <c r="C28" s="2" t="s">
        <v>13</v>
      </c>
      <c r="D28" s="19">
        <v>71</v>
      </c>
      <c r="E28" s="20">
        <v>14</v>
      </c>
      <c r="F28" s="21">
        <v>48</v>
      </c>
      <c r="G28" s="22">
        <v>9</v>
      </c>
    </row>
    <row r="29" spans="2:7" x14ac:dyDescent="0.2">
      <c r="B29" s="30"/>
      <c r="C29" s="10"/>
      <c r="D29" s="15">
        <v>100</v>
      </c>
      <c r="E29" s="16">
        <v>19.7</v>
      </c>
      <c r="F29" s="17">
        <v>67.599999999999994</v>
      </c>
      <c r="G29" s="18">
        <v>12.7</v>
      </c>
    </row>
    <row r="30" spans="2:7" x14ac:dyDescent="0.2">
      <c r="B30" s="28" t="s">
        <v>34</v>
      </c>
      <c r="C30" s="9" t="s">
        <v>12</v>
      </c>
      <c r="D30" s="11">
        <v>1241</v>
      </c>
      <c r="E30" s="12">
        <v>330</v>
      </c>
      <c r="F30" s="13">
        <v>820</v>
      </c>
      <c r="G30" s="14">
        <v>91</v>
      </c>
    </row>
    <row r="31" spans="2:7" x14ac:dyDescent="0.2">
      <c r="B31" s="29"/>
      <c r="C31" s="8"/>
      <c r="D31" s="15">
        <v>100</v>
      </c>
      <c r="E31" s="16">
        <v>26.6</v>
      </c>
      <c r="F31" s="17">
        <v>66.099999999999994</v>
      </c>
      <c r="G31" s="18">
        <v>7.3</v>
      </c>
    </row>
    <row r="32" spans="2:7" x14ac:dyDescent="0.2">
      <c r="B32" s="29"/>
      <c r="C32" s="2" t="s">
        <v>76</v>
      </c>
      <c r="D32" s="19">
        <v>3</v>
      </c>
      <c r="E32" s="20" t="s">
        <v>152</v>
      </c>
      <c r="F32" s="21">
        <v>3</v>
      </c>
      <c r="G32" s="22" t="s">
        <v>152</v>
      </c>
    </row>
    <row r="33" spans="2:7" x14ac:dyDescent="0.2">
      <c r="B33" s="29"/>
      <c r="C33" s="7"/>
      <c r="D33" s="23">
        <v>100</v>
      </c>
      <c r="E33" s="24" t="s">
        <v>152</v>
      </c>
      <c r="F33" s="25">
        <v>100</v>
      </c>
      <c r="G33" s="26" t="s">
        <v>152</v>
      </c>
    </row>
    <row r="34" spans="2:7" x14ac:dyDescent="0.2">
      <c r="B34" s="29"/>
      <c r="C34" s="2" t="s">
        <v>78</v>
      </c>
      <c r="D34" s="19">
        <v>51</v>
      </c>
      <c r="E34" s="20">
        <v>16</v>
      </c>
      <c r="F34" s="21">
        <v>35</v>
      </c>
      <c r="G34" s="22" t="s">
        <v>152</v>
      </c>
    </row>
    <row r="35" spans="2:7" x14ac:dyDescent="0.2">
      <c r="B35" s="29"/>
      <c r="C35" s="7"/>
      <c r="D35" s="23">
        <v>100</v>
      </c>
      <c r="E35" s="24">
        <v>31.4</v>
      </c>
      <c r="F35" s="25">
        <v>68.599999999999994</v>
      </c>
      <c r="G35" s="26" t="s">
        <v>152</v>
      </c>
    </row>
    <row r="36" spans="2:7" x14ac:dyDescent="0.2">
      <c r="B36" s="29"/>
      <c r="C36" s="2" t="s">
        <v>147</v>
      </c>
      <c r="D36" s="19">
        <v>54</v>
      </c>
      <c r="E36" s="20">
        <v>16</v>
      </c>
      <c r="F36" s="21">
        <v>38</v>
      </c>
      <c r="G36" s="22" t="s">
        <v>152</v>
      </c>
    </row>
    <row r="37" spans="2:7" x14ac:dyDescent="0.2">
      <c r="B37" s="29"/>
      <c r="C37" s="7"/>
      <c r="D37" s="23">
        <v>100</v>
      </c>
      <c r="E37" s="24">
        <v>29.629629629629626</v>
      </c>
      <c r="F37" s="25">
        <v>70.370370370370367</v>
      </c>
      <c r="G37" s="26" t="s">
        <v>152</v>
      </c>
    </row>
    <row r="38" spans="2:7" x14ac:dyDescent="0.2">
      <c r="B38" s="29"/>
      <c r="C38" s="2" t="s">
        <v>80</v>
      </c>
      <c r="D38" s="19">
        <v>116</v>
      </c>
      <c r="E38" s="20">
        <v>39</v>
      </c>
      <c r="F38" s="21">
        <v>75</v>
      </c>
      <c r="G38" s="22">
        <v>2</v>
      </c>
    </row>
    <row r="39" spans="2:7" x14ac:dyDescent="0.2">
      <c r="B39" s="29"/>
      <c r="C39" s="7"/>
      <c r="D39" s="23">
        <v>100</v>
      </c>
      <c r="E39" s="24">
        <v>33.6</v>
      </c>
      <c r="F39" s="25">
        <v>64.7</v>
      </c>
      <c r="G39" s="26">
        <v>1.7</v>
      </c>
    </row>
    <row r="40" spans="2:7" x14ac:dyDescent="0.2">
      <c r="B40" s="29"/>
      <c r="C40" s="2" t="s">
        <v>82</v>
      </c>
      <c r="D40" s="19">
        <v>200</v>
      </c>
      <c r="E40" s="20">
        <v>66</v>
      </c>
      <c r="F40" s="21">
        <v>122</v>
      </c>
      <c r="G40" s="22">
        <v>12</v>
      </c>
    </row>
    <row r="41" spans="2:7" x14ac:dyDescent="0.2">
      <c r="B41" s="29"/>
      <c r="C41" s="7"/>
      <c r="D41" s="23">
        <v>100</v>
      </c>
      <c r="E41" s="24">
        <v>33</v>
      </c>
      <c r="F41" s="25">
        <v>61</v>
      </c>
      <c r="G41" s="26">
        <v>6</v>
      </c>
    </row>
    <row r="42" spans="2:7" x14ac:dyDescent="0.2">
      <c r="B42" s="29"/>
      <c r="C42" s="2" t="s">
        <v>84</v>
      </c>
      <c r="D42" s="19">
        <v>289</v>
      </c>
      <c r="E42" s="20">
        <v>80</v>
      </c>
      <c r="F42" s="21">
        <v>196</v>
      </c>
      <c r="G42" s="22">
        <v>13</v>
      </c>
    </row>
    <row r="43" spans="2:7" x14ac:dyDescent="0.2">
      <c r="B43" s="29"/>
      <c r="C43" s="7"/>
      <c r="D43" s="23">
        <v>100</v>
      </c>
      <c r="E43" s="24">
        <v>27.7</v>
      </c>
      <c r="F43" s="25">
        <v>67.8</v>
      </c>
      <c r="G43" s="26">
        <v>4.5</v>
      </c>
    </row>
    <row r="44" spans="2:7" x14ac:dyDescent="0.2">
      <c r="B44" s="29"/>
      <c r="C44" s="2" t="s">
        <v>86</v>
      </c>
      <c r="D44" s="19">
        <v>247</v>
      </c>
      <c r="E44" s="20">
        <v>50</v>
      </c>
      <c r="F44" s="21">
        <v>174</v>
      </c>
      <c r="G44" s="22">
        <v>23</v>
      </c>
    </row>
    <row r="45" spans="2:7" x14ac:dyDescent="0.2">
      <c r="B45" s="29"/>
      <c r="C45" s="7"/>
      <c r="D45" s="23">
        <v>100</v>
      </c>
      <c r="E45" s="24">
        <v>20.2</v>
      </c>
      <c r="F45" s="25">
        <v>70.400000000000006</v>
      </c>
      <c r="G45" s="26">
        <v>9.3000000000000007</v>
      </c>
    </row>
    <row r="46" spans="2:7" x14ac:dyDescent="0.2">
      <c r="B46" s="29"/>
      <c r="C46" s="2" t="s">
        <v>88</v>
      </c>
      <c r="D46" s="19">
        <v>125</v>
      </c>
      <c r="E46" s="20">
        <v>29</v>
      </c>
      <c r="F46" s="21">
        <v>82</v>
      </c>
      <c r="G46" s="22">
        <v>14</v>
      </c>
    </row>
    <row r="47" spans="2:7" x14ac:dyDescent="0.2">
      <c r="B47" s="29"/>
      <c r="C47" s="7"/>
      <c r="D47" s="23">
        <v>100</v>
      </c>
      <c r="E47" s="24">
        <v>23.2</v>
      </c>
      <c r="F47" s="25">
        <v>65.599999999999994</v>
      </c>
      <c r="G47" s="26">
        <v>11.2</v>
      </c>
    </row>
    <row r="48" spans="2:7" x14ac:dyDescent="0.2">
      <c r="B48" s="29"/>
      <c r="C48" s="2" t="s">
        <v>90</v>
      </c>
      <c r="D48" s="19">
        <v>150</v>
      </c>
      <c r="E48" s="20">
        <v>38</v>
      </c>
      <c r="F48" s="21">
        <v>96</v>
      </c>
      <c r="G48" s="22">
        <v>16</v>
      </c>
    </row>
    <row r="49" spans="2:7" x14ac:dyDescent="0.2">
      <c r="B49" s="29"/>
      <c r="C49" s="7"/>
      <c r="D49" s="23">
        <v>100</v>
      </c>
      <c r="E49" s="24">
        <v>25.3</v>
      </c>
      <c r="F49" s="25">
        <v>64</v>
      </c>
      <c r="G49" s="26">
        <v>10.7</v>
      </c>
    </row>
    <row r="50" spans="2:7" x14ac:dyDescent="0.2">
      <c r="B50" s="29"/>
      <c r="C50" s="2" t="s">
        <v>92</v>
      </c>
      <c r="D50" s="19">
        <v>60</v>
      </c>
      <c r="E50" s="20">
        <v>12</v>
      </c>
      <c r="F50" s="21">
        <v>37</v>
      </c>
      <c r="G50" s="22">
        <v>11</v>
      </c>
    </row>
    <row r="51" spans="2:7" x14ac:dyDescent="0.2">
      <c r="B51" s="29"/>
      <c r="C51" s="10"/>
      <c r="D51" s="23">
        <v>100</v>
      </c>
      <c r="E51" s="24">
        <v>20</v>
      </c>
      <c r="F51" s="25">
        <v>61.7</v>
      </c>
      <c r="G51" s="26">
        <v>18.3</v>
      </c>
    </row>
    <row r="52" spans="2:7" x14ac:dyDescent="0.2">
      <c r="B52" s="28" t="s">
        <v>33</v>
      </c>
      <c r="C52" s="9" t="s">
        <v>12</v>
      </c>
      <c r="D52" s="11">
        <v>1241</v>
      </c>
      <c r="E52" s="12">
        <v>330</v>
      </c>
      <c r="F52" s="13">
        <v>820</v>
      </c>
      <c r="G52" s="14">
        <v>91</v>
      </c>
    </row>
    <row r="53" spans="2:7" x14ac:dyDescent="0.2">
      <c r="B53" s="29"/>
      <c r="C53" s="8"/>
      <c r="D53" s="15">
        <v>100</v>
      </c>
      <c r="E53" s="16">
        <v>26.6</v>
      </c>
      <c r="F53" s="17">
        <v>66.099999999999994</v>
      </c>
      <c r="G53" s="18">
        <v>7.3</v>
      </c>
    </row>
    <row r="54" spans="2:7" x14ac:dyDescent="0.2">
      <c r="B54" s="29"/>
      <c r="C54" s="2" t="s">
        <v>57</v>
      </c>
      <c r="D54" s="19">
        <v>2</v>
      </c>
      <c r="E54" s="20" t="s">
        <v>152</v>
      </c>
      <c r="F54" s="21">
        <v>2</v>
      </c>
      <c r="G54" s="22" t="s">
        <v>152</v>
      </c>
    </row>
    <row r="55" spans="2:7" x14ac:dyDescent="0.2">
      <c r="B55" s="29"/>
      <c r="C55" s="7"/>
      <c r="D55" s="23">
        <v>100</v>
      </c>
      <c r="E55" s="24" t="s">
        <v>152</v>
      </c>
      <c r="F55" s="25">
        <v>100</v>
      </c>
      <c r="G55" s="26" t="s">
        <v>152</v>
      </c>
    </row>
    <row r="56" spans="2:7" x14ac:dyDescent="0.2">
      <c r="B56" s="29"/>
      <c r="C56" s="2" t="s">
        <v>63</v>
      </c>
      <c r="D56" s="19">
        <v>20</v>
      </c>
      <c r="E56" s="20">
        <v>5</v>
      </c>
      <c r="F56" s="21">
        <v>15</v>
      </c>
      <c r="G56" s="22" t="s">
        <v>152</v>
      </c>
    </row>
    <row r="57" spans="2:7" x14ac:dyDescent="0.2">
      <c r="B57" s="29"/>
      <c r="C57" s="7"/>
      <c r="D57" s="23">
        <v>100</v>
      </c>
      <c r="E57" s="24">
        <v>25</v>
      </c>
      <c r="F57" s="25">
        <v>75</v>
      </c>
      <c r="G57" s="26" t="s">
        <v>152</v>
      </c>
    </row>
    <row r="58" spans="2:7" x14ac:dyDescent="0.2">
      <c r="B58" s="29"/>
      <c r="C58" s="2" t="s">
        <v>148</v>
      </c>
      <c r="D58" s="19">
        <v>22</v>
      </c>
      <c r="E58" s="20">
        <v>5</v>
      </c>
      <c r="F58" s="21">
        <v>17</v>
      </c>
      <c r="G58" s="22" t="s">
        <v>152</v>
      </c>
    </row>
    <row r="59" spans="2:7" x14ac:dyDescent="0.2">
      <c r="B59" s="29"/>
      <c r="C59" s="7"/>
      <c r="D59" s="23">
        <v>100</v>
      </c>
      <c r="E59" s="24">
        <v>22.727272727272727</v>
      </c>
      <c r="F59" s="25">
        <v>77.272727272727266</v>
      </c>
      <c r="G59" s="26" t="s">
        <v>152</v>
      </c>
    </row>
    <row r="60" spans="2:7" x14ac:dyDescent="0.2">
      <c r="B60" s="29"/>
      <c r="C60" s="2" t="s">
        <v>64</v>
      </c>
      <c r="D60" s="19">
        <v>51</v>
      </c>
      <c r="E60" s="20">
        <v>15</v>
      </c>
      <c r="F60" s="21">
        <v>35</v>
      </c>
      <c r="G60" s="22">
        <v>1</v>
      </c>
    </row>
    <row r="61" spans="2:7" x14ac:dyDescent="0.2">
      <c r="B61" s="29"/>
      <c r="C61" s="7"/>
      <c r="D61" s="23">
        <v>100</v>
      </c>
      <c r="E61" s="24">
        <v>29.4</v>
      </c>
      <c r="F61" s="25">
        <v>68.599999999999994</v>
      </c>
      <c r="G61" s="26">
        <v>2</v>
      </c>
    </row>
    <row r="62" spans="2:7" x14ac:dyDescent="0.2">
      <c r="B62" s="29"/>
      <c r="C62" s="2" t="s">
        <v>65</v>
      </c>
      <c r="D62" s="19">
        <v>88</v>
      </c>
      <c r="E62" s="20">
        <v>28</v>
      </c>
      <c r="F62" s="21">
        <v>57</v>
      </c>
      <c r="G62" s="22">
        <v>3</v>
      </c>
    </row>
    <row r="63" spans="2:7" x14ac:dyDescent="0.2">
      <c r="B63" s="29"/>
      <c r="C63" s="7"/>
      <c r="D63" s="23">
        <v>100</v>
      </c>
      <c r="E63" s="24">
        <v>31.8</v>
      </c>
      <c r="F63" s="25">
        <v>64.8</v>
      </c>
      <c r="G63" s="26">
        <v>3.4</v>
      </c>
    </row>
    <row r="64" spans="2:7" x14ac:dyDescent="0.2">
      <c r="B64" s="29"/>
      <c r="C64" s="2" t="s">
        <v>66</v>
      </c>
      <c r="D64" s="19">
        <v>146</v>
      </c>
      <c r="E64" s="20">
        <v>39</v>
      </c>
      <c r="F64" s="21">
        <v>99</v>
      </c>
      <c r="G64" s="22">
        <v>8</v>
      </c>
    </row>
    <row r="65" spans="2:7" x14ac:dyDescent="0.2">
      <c r="B65" s="29"/>
      <c r="C65" s="7"/>
      <c r="D65" s="23">
        <v>100</v>
      </c>
      <c r="E65" s="24">
        <v>26.7</v>
      </c>
      <c r="F65" s="25">
        <v>67.8</v>
      </c>
      <c r="G65" s="26">
        <v>5.5</v>
      </c>
    </row>
    <row r="66" spans="2:7" x14ac:dyDescent="0.2">
      <c r="B66" s="29"/>
      <c r="C66" s="2" t="s">
        <v>67</v>
      </c>
      <c r="D66" s="19">
        <v>133</v>
      </c>
      <c r="E66" s="20">
        <v>23</v>
      </c>
      <c r="F66" s="21">
        <v>101</v>
      </c>
      <c r="G66" s="22">
        <v>9</v>
      </c>
    </row>
    <row r="67" spans="2:7" x14ac:dyDescent="0.2">
      <c r="B67" s="29"/>
      <c r="C67" s="7"/>
      <c r="D67" s="23">
        <v>100</v>
      </c>
      <c r="E67" s="24">
        <v>17.3</v>
      </c>
      <c r="F67" s="25">
        <v>75.900000000000006</v>
      </c>
      <c r="G67" s="26">
        <v>6.8</v>
      </c>
    </row>
    <row r="68" spans="2:7" x14ac:dyDescent="0.2">
      <c r="B68" s="29"/>
      <c r="C68" s="2" t="s">
        <v>58</v>
      </c>
      <c r="D68" s="19">
        <v>57</v>
      </c>
      <c r="E68" s="20">
        <v>11</v>
      </c>
      <c r="F68" s="21">
        <v>42</v>
      </c>
      <c r="G68" s="22">
        <v>4</v>
      </c>
    </row>
    <row r="69" spans="2:7" x14ac:dyDescent="0.2">
      <c r="B69" s="29"/>
      <c r="C69" s="7"/>
      <c r="D69" s="23">
        <v>100</v>
      </c>
      <c r="E69" s="24">
        <v>19.3</v>
      </c>
      <c r="F69" s="25">
        <v>73.7</v>
      </c>
      <c r="G69" s="26">
        <v>7</v>
      </c>
    </row>
    <row r="70" spans="2:7" x14ac:dyDescent="0.2">
      <c r="B70" s="29"/>
      <c r="C70" s="2" t="s">
        <v>68</v>
      </c>
      <c r="D70" s="19">
        <v>65</v>
      </c>
      <c r="E70" s="20">
        <v>12</v>
      </c>
      <c r="F70" s="21">
        <v>47</v>
      </c>
      <c r="G70" s="22">
        <v>6</v>
      </c>
    </row>
    <row r="71" spans="2:7" x14ac:dyDescent="0.2">
      <c r="B71" s="29"/>
      <c r="C71" s="7"/>
      <c r="D71" s="23">
        <v>100</v>
      </c>
      <c r="E71" s="24">
        <v>18.5</v>
      </c>
      <c r="F71" s="25">
        <v>72.3</v>
      </c>
      <c r="G71" s="26">
        <v>9.1999999999999993</v>
      </c>
    </row>
    <row r="72" spans="2:7" x14ac:dyDescent="0.2">
      <c r="B72" s="29"/>
      <c r="C72" s="2" t="s">
        <v>59</v>
      </c>
      <c r="D72" s="19">
        <v>1</v>
      </c>
      <c r="E72" s="20" t="s">
        <v>152</v>
      </c>
      <c r="F72" s="21">
        <v>1</v>
      </c>
      <c r="G72" s="22" t="s">
        <v>152</v>
      </c>
    </row>
    <row r="73" spans="2:7" x14ac:dyDescent="0.2">
      <c r="B73" s="29"/>
      <c r="C73" s="7"/>
      <c r="D73" s="23">
        <v>100</v>
      </c>
      <c r="E73" s="24" t="s">
        <v>152</v>
      </c>
      <c r="F73" s="25">
        <v>100</v>
      </c>
      <c r="G73" s="26" t="s">
        <v>152</v>
      </c>
    </row>
    <row r="74" spans="2:7" x14ac:dyDescent="0.2">
      <c r="B74" s="29"/>
      <c r="C74" s="2" t="s">
        <v>69</v>
      </c>
      <c r="D74" s="19">
        <v>29</v>
      </c>
      <c r="E74" s="20">
        <v>11</v>
      </c>
      <c r="F74" s="21">
        <v>18</v>
      </c>
      <c r="G74" s="22" t="s">
        <v>152</v>
      </c>
    </row>
    <row r="75" spans="2:7" x14ac:dyDescent="0.2">
      <c r="B75" s="29"/>
      <c r="C75" s="7"/>
      <c r="D75" s="23">
        <v>100</v>
      </c>
      <c r="E75" s="24">
        <v>37.9</v>
      </c>
      <c r="F75" s="25">
        <v>62.1</v>
      </c>
      <c r="G75" s="26" t="s">
        <v>152</v>
      </c>
    </row>
    <row r="76" spans="2:7" x14ac:dyDescent="0.2">
      <c r="B76" s="29"/>
      <c r="C76" s="2" t="s">
        <v>149</v>
      </c>
      <c r="D76" s="19">
        <v>30</v>
      </c>
      <c r="E76" s="20">
        <v>11</v>
      </c>
      <c r="F76" s="21">
        <v>19</v>
      </c>
      <c r="G76" s="22" t="s">
        <v>152</v>
      </c>
    </row>
    <row r="77" spans="2:7" x14ac:dyDescent="0.2">
      <c r="B77" s="29"/>
      <c r="C77" s="7"/>
      <c r="D77" s="23">
        <v>100</v>
      </c>
      <c r="E77" s="24">
        <v>36.666666666666664</v>
      </c>
      <c r="F77" s="25">
        <v>63.333333333333329</v>
      </c>
      <c r="G77" s="26" t="s">
        <v>152</v>
      </c>
    </row>
    <row r="78" spans="2:7" x14ac:dyDescent="0.2">
      <c r="B78" s="29"/>
      <c r="C78" s="2" t="s">
        <v>70</v>
      </c>
      <c r="D78" s="19">
        <v>64</v>
      </c>
      <c r="E78" s="20">
        <v>24</v>
      </c>
      <c r="F78" s="21">
        <v>39</v>
      </c>
      <c r="G78" s="22">
        <v>1</v>
      </c>
    </row>
    <row r="79" spans="2:7" x14ac:dyDescent="0.2">
      <c r="B79" s="29"/>
      <c r="C79" s="7"/>
      <c r="D79" s="23">
        <v>100</v>
      </c>
      <c r="E79" s="24">
        <v>37.5</v>
      </c>
      <c r="F79" s="25">
        <v>60.9</v>
      </c>
      <c r="G79" s="26">
        <v>1.6</v>
      </c>
    </row>
    <row r="80" spans="2:7" x14ac:dyDescent="0.2">
      <c r="B80" s="29"/>
      <c r="C80" s="2" t="s">
        <v>71</v>
      </c>
      <c r="D80" s="19">
        <v>112</v>
      </c>
      <c r="E80" s="20">
        <v>38</v>
      </c>
      <c r="F80" s="21">
        <v>65</v>
      </c>
      <c r="G80" s="22">
        <v>9</v>
      </c>
    </row>
    <row r="81" spans="2:7" x14ac:dyDescent="0.2">
      <c r="B81" s="29"/>
      <c r="C81" s="7"/>
      <c r="D81" s="23">
        <v>100</v>
      </c>
      <c r="E81" s="24">
        <v>33.9</v>
      </c>
      <c r="F81" s="25">
        <v>58</v>
      </c>
      <c r="G81" s="26">
        <v>8</v>
      </c>
    </row>
    <row r="82" spans="2:7" x14ac:dyDescent="0.2">
      <c r="B82" s="29"/>
      <c r="C82" s="2" t="s">
        <v>72</v>
      </c>
      <c r="D82" s="19">
        <v>137</v>
      </c>
      <c r="E82" s="20">
        <v>39</v>
      </c>
      <c r="F82" s="21">
        <v>93</v>
      </c>
      <c r="G82" s="22">
        <v>5</v>
      </c>
    </row>
    <row r="83" spans="2:7" x14ac:dyDescent="0.2">
      <c r="B83" s="29"/>
      <c r="C83" s="7"/>
      <c r="D83" s="23">
        <v>100</v>
      </c>
      <c r="E83" s="24">
        <v>28.5</v>
      </c>
      <c r="F83" s="25">
        <v>67.900000000000006</v>
      </c>
      <c r="G83" s="26">
        <v>3.6</v>
      </c>
    </row>
    <row r="84" spans="2:7" x14ac:dyDescent="0.2">
      <c r="B84" s="29"/>
      <c r="C84" s="2" t="s">
        <v>73</v>
      </c>
      <c r="D84" s="19">
        <v>112</v>
      </c>
      <c r="E84" s="20">
        <v>26</v>
      </c>
      <c r="F84" s="21">
        <v>72</v>
      </c>
      <c r="G84" s="22">
        <v>14</v>
      </c>
    </row>
    <row r="85" spans="2:7" x14ac:dyDescent="0.2">
      <c r="B85" s="29"/>
      <c r="C85" s="7"/>
      <c r="D85" s="23">
        <v>100</v>
      </c>
      <c r="E85" s="24">
        <v>23.2</v>
      </c>
      <c r="F85" s="25">
        <v>64.3</v>
      </c>
      <c r="G85" s="26">
        <v>12.5</v>
      </c>
    </row>
    <row r="86" spans="2:7" x14ac:dyDescent="0.2">
      <c r="B86" s="29"/>
      <c r="C86" s="2" t="s">
        <v>60</v>
      </c>
      <c r="D86" s="19">
        <v>66</v>
      </c>
      <c r="E86" s="20">
        <v>18</v>
      </c>
      <c r="F86" s="21">
        <v>38</v>
      </c>
      <c r="G86" s="22">
        <v>10</v>
      </c>
    </row>
    <row r="87" spans="2:7" x14ac:dyDescent="0.2">
      <c r="B87" s="29"/>
      <c r="C87" s="7"/>
      <c r="D87" s="23">
        <v>100</v>
      </c>
      <c r="E87" s="24">
        <v>27.3</v>
      </c>
      <c r="F87" s="25">
        <v>57.6</v>
      </c>
      <c r="G87" s="26">
        <v>15.2</v>
      </c>
    </row>
    <row r="88" spans="2:7" x14ac:dyDescent="0.2">
      <c r="B88" s="29"/>
      <c r="C88" s="2" t="s">
        <v>74</v>
      </c>
      <c r="D88" s="19">
        <v>83</v>
      </c>
      <c r="E88" s="20">
        <v>26</v>
      </c>
      <c r="F88" s="21">
        <v>47</v>
      </c>
      <c r="G88" s="22">
        <v>10</v>
      </c>
    </row>
    <row r="89" spans="2:7" x14ac:dyDescent="0.2">
      <c r="B89" s="29"/>
      <c r="C89" s="7"/>
      <c r="D89" s="23">
        <v>100</v>
      </c>
      <c r="E89" s="24">
        <v>31.3</v>
      </c>
      <c r="F89" s="25">
        <v>56.6</v>
      </c>
      <c r="G89" s="26">
        <v>12</v>
      </c>
    </row>
    <row r="90" spans="2:7" x14ac:dyDescent="0.2">
      <c r="B90" s="29"/>
      <c r="C90" s="2" t="s">
        <v>0</v>
      </c>
      <c r="D90" s="19">
        <v>75</v>
      </c>
      <c r="E90" s="20">
        <v>15</v>
      </c>
      <c r="F90" s="21">
        <v>49</v>
      </c>
      <c r="G90" s="22">
        <v>11</v>
      </c>
    </row>
    <row r="91" spans="2:7" x14ac:dyDescent="0.2">
      <c r="B91" s="29"/>
      <c r="C91" s="7"/>
      <c r="D91" s="23">
        <v>100</v>
      </c>
      <c r="E91" s="24">
        <v>20</v>
      </c>
      <c r="F91" s="25">
        <v>65.3</v>
      </c>
      <c r="G91" s="26">
        <v>14.7</v>
      </c>
    </row>
    <row r="92" spans="2:7" x14ac:dyDescent="0.2">
      <c r="B92" s="28" t="s">
        <v>32</v>
      </c>
      <c r="C92" s="9" t="s">
        <v>12</v>
      </c>
      <c r="D92" s="11">
        <v>1241</v>
      </c>
      <c r="E92" s="12">
        <v>330</v>
      </c>
      <c r="F92" s="13">
        <v>820</v>
      </c>
      <c r="G92" s="14">
        <v>91</v>
      </c>
    </row>
    <row r="93" spans="2:7" x14ac:dyDescent="0.2">
      <c r="B93" s="29"/>
      <c r="C93" s="8"/>
      <c r="D93" s="15">
        <v>100</v>
      </c>
      <c r="E93" s="16">
        <v>26.6</v>
      </c>
      <c r="F93" s="17">
        <v>66.099999999999994</v>
      </c>
      <c r="G93" s="18">
        <v>7.3</v>
      </c>
    </row>
    <row r="94" spans="2:7" x14ac:dyDescent="0.2">
      <c r="B94" s="29"/>
      <c r="C94" s="2" t="s">
        <v>21</v>
      </c>
      <c r="D94" s="19">
        <v>65</v>
      </c>
      <c r="E94" s="20">
        <v>13</v>
      </c>
      <c r="F94" s="21">
        <v>46</v>
      </c>
      <c r="G94" s="22">
        <v>6</v>
      </c>
    </row>
    <row r="95" spans="2:7" x14ac:dyDescent="0.2">
      <c r="B95" s="29"/>
      <c r="C95" s="7"/>
      <c r="D95" s="23">
        <v>100</v>
      </c>
      <c r="E95" s="24">
        <v>20</v>
      </c>
      <c r="F95" s="25">
        <v>70.8</v>
      </c>
      <c r="G95" s="26">
        <v>9.1999999999999993</v>
      </c>
    </row>
    <row r="96" spans="2:7" x14ac:dyDescent="0.2">
      <c r="B96" s="29"/>
      <c r="C96" s="2" t="s">
        <v>20</v>
      </c>
      <c r="D96" s="19">
        <v>7</v>
      </c>
      <c r="E96" s="20">
        <v>2</v>
      </c>
      <c r="F96" s="21">
        <v>5</v>
      </c>
      <c r="G96" s="22" t="s">
        <v>152</v>
      </c>
    </row>
    <row r="97" spans="2:7" x14ac:dyDescent="0.2">
      <c r="B97" s="29"/>
      <c r="C97" s="7"/>
      <c r="D97" s="23">
        <v>100</v>
      </c>
      <c r="E97" s="24">
        <v>28.6</v>
      </c>
      <c r="F97" s="25">
        <v>71.400000000000006</v>
      </c>
      <c r="G97" s="26" t="s">
        <v>152</v>
      </c>
    </row>
    <row r="98" spans="2:7" x14ac:dyDescent="0.2">
      <c r="B98" s="29"/>
      <c r="C98" s="2" t="s">
        <v>19</v>
      </c>
      <c r="D98" s="19">
        <v>484</v>
      </c>
      <c r="E98" s="20">
        <v>148</v>
      </c>
      <c r="F98" s="21">
        <v>319</v>
      </c>
      <c r="G98" s="22">
        <v>17</v>
      </c>
    </row>
    <row r="99" spans="2:7" x14ac:dyDescent="0.2">
      <c r="B99" s="29"/>
      <c r="C99" s="7"/>
      <c r="D99" s="23">
        <v>100</v>
      </c>
      <c r="E99" s="24">
        <v>30.6</v>
      </c>
      <c r="F99" s="25">
        <v>65.900000000000006</v>
      </c>
      <c r="G99" s="26">
        <v>3.5</v>
      </c>
    </row>
    <row r="100" spans="2:7" x14ac:dyDescent="0.2">
      <c r="B100" s="29"/>
      <c r="C100" s="2" t="s">
        <v>18</v>
      </c>
      <c r="D100" s="19">
        <v>195</v>
      </c>
      <c r="E100" s="20">
        <v>54</v>
      </c>
      <c r="F100" s="21">
        <v>126</v>
      </c>
      <c r="G100" s="22">
        <v>15</v>
      </c>
    </row>
    <row r="101" spans="2:7" x14ac:dyDescent="0.2">
      <c r="B101" s="29"/>
      <c r="C101" s="7"/>
      <c r="D101" s="23">
        <v>100</v>
      </c>
      <c r="E101" s="24">
        <v>27.7</v>
      </c>
      <c r="F101" s="25">
        <v>64.599999999999994</v>
      </c>
      <c r="G101" s="26">
        <v>7.7</v>
      </c>
    </row>
    <row r="102" spans="2:7" x14ac:dyDescent="0.2">
      <c r="B102" s="29"/>
      <c r="C102" s="2" t="s">
        <v>17</v>
      </c>
      <c r="D102" s="19">
        <v>1</v>
      </c>
      <c r="E102" s="20" t="s">
        <v>152</v>
      </c>
      <c r="F102" s="21">
        <v>1</v>
      </c>
      <c r="G102" s="22" t="s">
        <v>152</v>
      </c>
    </row>
    <row r="103" spans="2:7" x14ac:dyDescent="0.2">
      <c r="B103" s="29"/>
      <c r="C103" s="7"/>
      <c r="D103" s="23">
        <v>100</v>
      </c>
      <c r="E103" s="24" t="s">
        <v>152</v>
      </c>
      <c r="F103" s="25">
        <v>100</v>
      </c>
      <c r="G103" s="26" t="s">
        <v>152</v>
      </c>
    </row>
    <row r="104" spans="2:7" x14ac:dyDescent="0.2">
      <c r="B104" s="29"/>
      <c r="C104" s="2" t="s">
        <v>151</v>
      </c>
      <c r="D104" s="19">
        <v>178</v>
      </c>
      <c r="E104" s="20">
        <v>51</v>
      </c>
      <c r="F104" s="21">
        <v>109</v>
      </c>
      <c r="G104" s="22">
        <v>18</v>
      </c>
    </row>
    <row r="105" spans="2:7" x14ac:dyDescent="0.2">
      <c r="B105" s="29"/>
      <c r="C105" s="7"/>
      <c r="D105" s="23">
        <v>100</v>
      </c>
      <c r="E105" s="24">
        <v>28.7</v>
      </c>
      <c r="F105" s="25">
        <v>61.2</v>
      </c>
      <c r="G105" s="26">
        <v>10.1</v>
      </c>
    </row>
    <row r="106" spans="2:7" x14ac:dyDescent="0.2">
      <c r="B106" s="29"/>
      <c r="C106" s="2" t="s">
        <v>16</v>
      </c>
      <c r="D106" s="19">
        <v>10</v>
      </c>
      <c r="E106" s="20">
        <v>4</v>
      </c>
      <c r="F106" s="21">
        <v>6</v>
      </c>
      <c r="G106" s="22" t="s">
        <v>152</v>
      </c>
    </row>
    <row r="107" spans="2:7" x14ac:dyDescent="0.2">
      <c r="B107" s="29"/>
      <c r="C107" s="7"/>
      <c r="D107" s="23">
        <v>100</v>
      </c>
      <c r="E107" s="24">
        <v>40</v>
      </c>
      <c r="F107" s="25">
        <v>60</v>
      </c>
      <c r="G107" s="26" t="s">
        <v>152</v>
      </c>
    </row>
    <row r="108" spans="2:7" x14ac:dyDescent="0.2">
      <c r="B108" s="29"/>
      <c r="C108" s="2" t="s">
        <v>15</v>
      </c>
      <c r="D108" s="19">
        <v>211</v>
      </c>
      <c r="E108" s="20">
        <v>44</v>
      </c>
      <c r="F108" s="21">
        <v>147</v>
      </c>
      <c r="G108" s="22">
        <v>20</v>
      </c>
    </row>
    <row r="109" spans="2:7" x14ac:dyDescent="0.2">
      <c r="B109" s="29"/>
      <c r="C109" s="7"/>
      <c r="D109" s="23">
        <v>100</v>
      </c>
      <c r="E109" s="24">
        <v>20.9</v>
      </c>
      <c r="F109" s="25">
        <v>69.7</v>
      </c>
      <c r="G109" s="26">
        <v>9.5</v>
      </c>
    </row>
    <row r="110" spans="2:7" x14ac:dyDescent="0.2">
      <c r="B110" s="29"/>
      <c r="C110" s="2" t="s">
        <v>14</v>
      </c>
      <c r="D110" s="19">
        <v>12</v>
      </c>
      <c r="E110" s="20">
        <v>2</v>
      </c>
      <c r="F110" s="21">
        <v>9</v>
      </c>
      <c r="G110" s="22">
        <v>1</v>
      </c>
    </row>
    <row r="111" spans="2:7" x14ac:dyDescent="0.2">
      <c r="B111" s="29"/>
      <c r="C111" s="7"/>
      <c r="D111" s="23">
        <v>100</v>
      </c>
      <c r="E111" s="24">
        <v>16.7</v>
      </c>
      <c r="F111" s="25">
        <v>75</v>
      </c>
      <c r="G111" s="26">
        <v>8.3000000000000007</v>
      </c>
    </row>
    <row r="112" spans="2:7" x14ac:dyDescent="0.2">
      <c r="B112" s="29"/>
      <c r="C112" s="2" t="s">
        <v>13</v>
      </c>
      <c r="D112" s="19">
        <v>78</v>
      </c>
      <c r="E112" s="20">
        <v>12</v>
      </c>
      <c r="F112" s="21">
        <v>52</v>
      </c>
      <c r="G112" s="22">
        <v>14</v>
      </c>
    </row>
    <row r="113" spans="2:7" x14ac:dyDescent="0.2">
      <c r="B113" s="30"/>
      <c r="C113" s="10"/>
      <c r="D113" s="15">
        <v>100</v>
      </c>
      <c r="E113" s="16">
        <v>15.4</v>
      </c>
      <c r="F113" s="17">
        <v>66.7</v>
      </c>
      <c r="G113" s="18">
        <v>17.899999999999999</v>
      </c>
    </row>
    <row r="114" spans="2:7" x14ac:dyDescent="0.2">
      <c r="B114" s="28" t="s">
        <v>31</v>
      </c>
      <c r="C114" s="9" t="s">
        <v>12</v>
      </c>
      <c r="D114" s="11">
        <v>752</v>
      </c>
      <c r="E114" s="12">
        <v>217</v>
      </c>
      <c r="F114" s="13">
        <v>497</v>
      </c>
      <c r="G114" s="14">
        <v>38</v>
      </c>
    </row>
    <row r="115" spans="2:7" x14ac:dyDescent="0.2">
      <c r="B115" s="29"/>
      <c r="C115" s="8"/>
      <c r="D115" s="15">
        <v>100</v>
      </c>
      <c r="E115" s="16">
        <v>28.9</v>
      </c>
      <c r="F115" s="17">
        <v>66.099999999999994</v>
      </c>
      <c r="G115" s="18">
        <v>5.0999999999999996</v>
      </c>
    </row>
    <row r="116" spans="2:7" x14ac:dyDescent="0.2">
      <c r="B116" s="29"/>
      <c r="C116" s="2" t="s">
        <v>11</v>
      </c>
      <c r="D116" s="19">
        <v>2</v>
      </c>
      <c r="E116" s="20">
        <v>1</v>
      </c>
      <c r="F116" s="21">
        <v>1</v>
      </c>
      <c r="G116" s="22" t="s">
        <v>152</v>
      </c>
    </row>
    <row r="117" spans="2:7" x14ac:dyDescent="0.2">
      <c r="B117" s="29"/>
      <c r="C117" s="7"/>
      <c r="D117" s="23">
        <v>100</v>
      </c>
      <c r="E117" s="24">
        <v>50</v>
      </c>
      <c r="F117" s="25">
        <v>50</v>
      </c>
      <c r="G117" s="26" t="s">
        <v>152</v>
      </c>
    </row>
    <row r="118" spans="2:7" x14ac:dyDescent="0.2">
      <c r="B118" s="29"/>
      <c r="C118" s="2" t="s">
        <v>10</v>
      </c>
      <c r="D118" s="19">
        <v>32</v>
      </c>
      <c r="E118" s="20">
        <v>7</v>
      </c>
      <c r="F118" s="21">
        <v>22</v>
      </c>
      <c r="G118" s="22">
        <v>3</v>
      </c>
    </row>
    <row r="119" spans="2:7" x14ac:dyDescent="0.2">
      <c r="B119" s="29"/>
      <c r="C119" s="7"/>
      <c r="D119" s="23">
        <v>100</v>
      </c>
      <c r="E119" s="24">
        <v>21.9</v>
      </c>
      <c r="F119" s="25">
        <v>68.8</v>
      </c>
      <c r="G119" s="26">
        <v>9.4</v>
      </c>
    </row>
    <row r="120" spans="2:7" x14ac:dyDescent="0.2">
      <c r="B120" s="29"/>
      <c r="C120" s="2" t="s">
        <v>9</v>
      </c>
      <c r="D120" s="19">
        <v>33</v>
      </c>
      <c r="E120" s="20">
        <v>7</v>
      </c>
      <c r="F120" s="21">
        <v>23</v>
      </c>
      <c r="G120" s="22">
        <v>3</v>
      </c>
    </row>
    <row r="121" spans="2:7" x14ac:dyDescent="0.2">
      <c r="B121" s="29"/>
      <c r="C121" s="7"/>
      <c r="D121" s="23">
        <v>100</v>
      </c>
      <c r="E121" s="24">
        <v>21.2</v>
      </c>
      <c r="F121" s="25">
        <v>69.7</v>
      </c>
      <c r="G121" s="26">
        <v>9.1</v>
      </c>
    </row>
    <row r="122" spans="2:7" x14ac:dyDescent="0.2">
      <c r="B122" s="29"/>
      <c r="C122" s="2" t="s">
        <v>8</v>
      </c>
      <c r="D122" s="19">
        <v>71</v>
      </c>
      <c r="E122" s="20">
        <v>22</v>
      </c>
      <c r="F122" s="21">
        <v>48</v>
      </c>
      <c r="G122" s="22">
        <v>1</v>
      </c>
    </row>
    <row r="123" spans="2:7" x14ac:dyDescent="0.2">
      <c r="B123" s="29"/>
      <c r="C123" s="7"/>
      <c r="D123" s="23">
        <v>100</v>
      </c>
      <c r="E123" s="24">
        <v>31</v>
      </c>
      <c r="F123" s="25">
        <v>67.599999999999994</v>
      </c>
      <c r="G123" s="26">
        <v>1.4</v>
      </c>
    </row>
    <row r="124" spans="2:7" x14ac:dyDescent="0.2">
      <c r="B124" s="29"/>
      <c r="C124" s="2" t="s">
        <v>7</v>
      </c>
      <c r="D124" s="19">
        <v>152</v>
      </c>
      <c r="E124" s="20">
        <v>46</v>
      </c>
      <c r="F124" s="21">
        <v>100</v>
      </c>
      <c r="G124" s="22">
        <v>6</v>
      </c>
    </row>
    <row r="125" spans="2:7" x14ac:dyDescent="0.2">
      <c r="B125" s="29"/>
      <c r="C125" s="7"/>
      <c r="D125" s="23">
        <v>100</v>
      </c>
      <c r="E125" s="24">
        <v>30.3</v>
      </c>
      <c r="F125" s="25">
        <v>65.8</v>
      </c>
      <c r="G125" s="26">
        <v>3.9</v>
      </c>
    </row>
    <row r="126" spans="2:7" x14ac:dyDescent="0.2">
      <c r="B126" s="29"/>
      <c r="C126" s="2" t="s">
        <v>6</v>
      </c>
      <c r="D126" s="19">
        <v>176</v>
      </c>
      <c r="E126" s="20">
        <v>54</v>
      </c>
      <c r="F126" s="21">
        <v>111</v>
      </c>
      <c r="G126" s="22">
        <v>11</v>
      </c>
    </row>
    <row r="127" spans="2:7" x14ac:dyDescent="0.2">
      <c r="B127" s="29"/>
      <c r="C127" s="7"/>
      <c r="D127" s="23">
        <v>100</v>
      </c>
      <c r="E127" s="24">
        <v>30.7</v>
      </c>
      <c r="F127" s="25">
        <v>63.1</v>
      </c>
      <c r="G127" s="26">
        <v>6.3</v>
      </c>
    </row>
    <row r="128" spans="2:7" x14ac:dyDescent="0.2">
      <c r="B128" s="29"/>
      <c r="C128" s="2" t="s">
        <v>5</v>
      </c>
      <c r="D128" s="19">
        <v>37</v>
      </c>
      <c r="E128" s="20">
        <v>14</v>
      </c>
      <c r="F128" s="21">
        <v>22</v>
      </c>
      <c r="G128" s="22">
        <v>1</v>
      </c>
    </row>
    <row r="129" spans="2:7" x14ac:dyDescent="0.2">
      <c r="B129" s="29"/>
      <c r="C129" s="7"/>
      <c r="D129" s="23">
        <v>100</v>
      </c>
      <c r="E129" s="24">
        <v>37.799999999999997</v>
      </c>
      <c r="F129" s="25">
        <v>59.5</v>
      </c>
      <c r="G129" s="26">
        <v>2.7</v>
      </c>
    </row>
    <row r="130" spans="2:7" x14ac:dyDescent="0.2">
      <c r="B130" s="29"/>
      <c r="C130" s="2" t="s">
        <v>4</v>
      </c>
      <c r="D130" s="19">
        <v>67</v>
      </c>
      <c r="E130" s="20">
        <v>20</v>
      </c>
      <c r="F130" s="21">
        <v>47</v>
      </c>
      <c r="G130" s="22" t="s">
        <v>152</v>
      </c>
    </row>
    <row r="131" spans="2:7" x14ac:dyDescent="0.2">
      <c r="B131" s="29"/>
      <c r="C131" s="7"/>
      <c r="D131" s="23">
        <v>100</v>
      </c>
      <c r="E131" s="24">
        <v>29.9</v>
      </c>
      <c r="F131" s="25">
        <v>70.099999999999994</v>
      </c>
      <c r="G131" s="26" t="s">
        <v>152</v>
      </c>
    </row>
    <row r="132" spans="2:7" x14ac:dyDescent="0.2">
      <c r="B132" s="29"/>
      <c r="C132" s="2" t="s">
        <v>3</v>
      </c>
      <c r="D132" s="19">
        <v>159</v>
      </c>
      <c r="E132" s="20">
        <v>43</v>
      </c>
      <c r="F132" s="21">
        <v>105</v>
      </c>
      <c r="G132" s="22">
        <v>11</v>
      </c>
    </row>
    <row r="133" spans="2:7" x14ac:dyDescent="0.2">
      <c r="B133" s="29"/>
      <c r="C133" s="7"/>
      <c r="D133" s="23">
        <v>100</v>
      </c>
      <c r="E133" s="24">
        <v>27</v>
      </c>
      <c r="F133" s="25">
        <v>66</v>
      </c>
      <c r="G133" s="26">
        <v>6.9</v>
      </c>
    </row>
    <row r="134" spans="2:7" x14ac:dyDescent="0.2">
      <c r="B134" s="29"/>
      <c r="C134" s="2" t="s">
        <v>2</v>
      </c>
      <c r="D134" s="19">
        <v>23</v>
      </c>
      <c r="E134" s="20">
        <v>3</v>
      </c>
      <c r="F134" s="21">
        <v>18</v>
      </c>
      <c r="G134" s="22">
        <v>2</v>
      </c>
    </row>
    <row r="135" spans="2:7" x14ac:dyDescent="0.2">
      <c r="B135" s="30"/>
      <c r="C135" s="10"/>
      <c r="D135" s="15">
        <v>100</v>
      </c>
      <c r="E135" s="16">
        <v>13</v>
      </c>
      <c r="F135" s="17">
        <v>78.3</v>
      </c>
      <c r="G135" s="18">
        <v>8.699999999999999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4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62</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330</v>
      </c>
      <c r="F4" s="13">
        <v>820</v>
      </c>
      <c r="G4" s="14">
        <v>91</v>
      </c>
    </row>
    <row r="5" spans="2:7" x14ac:dyDescent="0.2">
      <c r="B5" s="29"/>
      <c r="C5" s="8"/>
      <c r="D5" s="15">
        <v>100</v>
      </c>
      <c r="E5" s="16">
        <v>26.6</v>
      </c>
      <c r="F5" s="17">
        <v>66.099999999999994</v>
      </c>
      <c r="G5" s="18">
        <v>7.3</v>
      </c>
    </row>
    <row r="6" spans="2:7" x14ac:dyDescent="0.2">
      <c r="B6" s="29"/>
      <c r="C6" s="2" t="s">
        <v>52</v>
      </c>
      <c r="D6" s="19">
        <v>557</v>
      </c>
      <c r="E6" s="20">
        <v>130</v>
      </c>
      <c r="F6" s="21">
        <v>382</v>
      </c>
      <c r="G6" s="22">
        <v>45</v>
      </c>
    </row>
    <row r="7" spans="2:7" x14ac:dyDescent="0.2">
      <c r="B7" s="29"/>
      <c r="C7" s="7"/>
      <c r="D7" s="23">
        <v>100</v>
      </c>
      <c r="E7" s="24">
        <v>23.3</v>
      </c>
      <c r="F7" s="25">
        <v>68.599999999999994</v>
      </c>
      <c r="G7" s="26">
        <v>8.1</v>
      </c>
    </row>
    <row r="8" spans="2:7" x14ac:dyDescent="0.2">
      <c r="B8" s="29"/>
      <c r="C8" s="2" t="s">
        <v>51</v>
      </c>
      <c r="D8" s="19">
        <v>595</v>
      </c>
      <c r="E8" s="20">
        <v>184</v>
      </c>
      <c r="F8" s="21">
        <v>379</v>
      </c>
      <c r="G8" s="22">
        <v>32</v>
      </c>
    </row>
    <row r="9" spans="2:7" x14ac:dyDescent="0.2">
      <c r="B9" s="29"/>
      <c r="C9" s="7"/>
      <c r="D9" s="23">
        <v>100</v>
      </c>
      <c r="E9" s="24">
        <v>30.9</v>
      </c>
      <c r="F9" s="25">
        <v>63.7</v>
      </c>
      <c r="G9" s="26">
        <v>5.4</v>
      </c>
    </row>
    <row r="10" spans="2:7" x14ac:dyDescent="0.2">
      <c r="B10" s="29"/>
      <c r="C10" s="2" t="s">
        <v>13</v>
      </c>
      <c r="D10" s="19">
        <v>89</v>
      </c>
      <c r="E10" s="20">
        <v>16</v>
      </c>
      <c r="F10" s="21">
        <v>59</v>
      </c>
      <c r="G10" s="22">
        <v>14</v>
      </c>
    </row>
    <row r="11" spans="2:7" x14ac:dyDescent="0.2">
      <c r="B11" s="30"/>
      <c r="C11" s="10"/>
      <c r="D11" s="15">
        <v>100</v>
      </c>
      <c r="E11" s="16">
        <v>18</v>
      </c>
      <c r="F11" s="17">
        <v>66.3</v>
      </c>
      <c r="G11" s="18">
        <v>15.7</v>
      </c>
    </row>
    <row r="12" spans="2:7" x14ac:dyDescent="0.2">
      <c r="B12" s="28" t="s">
        <v>54</v>
      </c>
      <c r="C12" s="9" t="s">
        <v>12</v>
      </c>
      <c r="D12" s="11">
        <v>1241</v>
      </c>
      <c r="E12" s="12">
        <v>330</v>
      </c>
      <c r="F12" s="13">
        <v>820</v>
      </c>
      <c r="G12" s="14">
        <v>91</v>
      </c>
    </row>
    <row r="13" spans="2:7" x14ac:dyDescent="0.2">
      <c r="B13" s="29"/>
      <c r="C13" s="8"/>
      <c r="D13" s="15">
        <v>100</v>
      </c>
      <c r="E13" s="16">
        <v>26.6</v>
      </c>
      <c r="F13" s="17">
        <v>66.099999999999994</v>
      </c>
      <c r="G13" s="18">
        <v>7.3</v>
      </c>
    </row>
    <row r="14" spans="2:7" x14ac:dyDescent="0.2">
      <c r="B14" s="29"/>
      <c r="C14" s="2" t="s">
        <v>50</v>
      </c>
      <c r="D14" s="19">
        <v>84</v>
      </c>
      <c r="E14" s="20">
        <v>28</v>
      </c>
      <c r="F14" s="21">
        <v>56</v>
      </c>
      <c r="G14" s="22" t="s">
        <v>152</v>
      </c>
    </row>
    <row r="15" spans="2:7" x14ac:dyDescent="0.2">
      <c r="B15" s="29"/>
      <c r="C15" s="7"/>
      <c r="D15" s="23">
        <v>100</v>
      </c>
      <c r="E15" s="24">
        <v>33.299999999999997</v>
      </c>
      <c r="F15" s="25">
        <v>66.7</v>
      </c>
      <c r="G15" s="26" t="s">
        <v>152</v>
      </c>
    </row>
    <row r="16" spans="2:7" x14ac:dyDescent="0.2">
      <c r="B16" s="29"/>
      <c r="C16" s="2" t="s">
        <v>49</v>
      </c>
      <c r="D16" s="19">
        <v>97</v>
      </c>
      <c r="E16" s="20">
        <v>36</v>
      </c>
      <c r="F16" s="21">
        <v>60</v>
      </c>
      <c r="G16" s="22">
        <v>1</v>
      </c>
    </row>
    <row r="17" spans="2:7" x14ac:dyDescent="0.2">
      <c r="B17" s="29"/>
      <c r="C17" s="7"/>
      <c r="D17" s="23">
        <v>100</v>
      </c>
      <c r="E17" s="24">
        <v>37.1</v>
      </c>
      <c r="F17" s="25">
        <v>61.9</v>
      </c>
      <c r="G17" s="26">
        <v>1</v>
      </c>
    </row>
    <row r="18" spans="2:7" x14ac:dyDescent="0.2">
      <c r="B18" s="29"/>
      <c r="C18" s="2" t="s">
        <v>48</v>
      </c>
      <c r="D18" s="19">
        <v>79</v>
      </c>
      <c r="E18" s="20">
        <v>26</v>
      </c>
      <c r="F18" s="21">
        <v>49</v>
      </c>
      <c r="G18" s="22">
        <v>4</v>
      </c>
    </row>
    <row r="19" spans="2:7" x14ac:dyDescent="0.2">
      <c r="B19" s="29"/>
      <c r="C19" s="7"/>
      <c r="D19" s="23">
        <v>100</v>
      </c>
      <c r="E19" s="24">
        <v>32.9</v>
      </c>
      <c r="F19" s="25">
        <v>62</v>
      </c>
      <c r="G19" s="26">
        <v>5.0999999999999996</v>
      </c>
    </row>
    <row r="20" spans="2:7" x14ac:dyDescent="0.2">
      <c r="B20" s="29"/>
      <c r="C20" s="2" t="s">
        <v>47</v>
      </c>
      <c r="D20" s="19">
        <v>72</v>
      </c>
      <c r="E20" s="20">
        <v>22</v>
      </c>
      <c r="F20" s="21">
        <v>47</v>
      </c>
      <c r="G20" s="22">
        <v>3</v>
      </c>
    </row>
    <row r="21" spans="2:7" x14ac:dyDescent="0.2">
      <c r="B21" s="29"/>
      <c r="C21" s="7"/>
      <c r="D21" s="23">
        <v>100</v>
      </c>
      <c r="E21" s="24">
        <v>30.6</v>
      </c>
      <c r="F21" s="25">
        <v>65.3</v>
      </c>
      <c r="G21" s="26">
        <v>4.2</v>
      </c>
    </row>
    <row r="22" spans="2:7" x14ac:dyDescent="0.2">
      <c r="B22" s="29"/>
      <c r="C22" s="2" t="s">
        <v>46</v>
      </c>
      <c r="D22" s="19">
        <v>15</v>
      </c>
      <c r="E22" s="20">
        <v>8</v>
      </c>
      <c r="F22" s="21">
        <v>5</v>
      </c>
      <c r="G22" s="22">
        <v>2</v>
      </c>
    </row>
    <row r="23" spans="2:7" x14ac:dyDescent="0.2">
      <c r="B23" s="29"/>
      <c r="C23" s="7"/>
      <c r="D23" s="23">
        <v>100</v>
      </c>
      <c r="E23" s="24">
        <v>53.3</v>
      </c>
      <c r="F23" s="25">
        <v>33.299999999999997</v>
      </c>
      <c r="G23" s="26">
        <v>13.3</v>
      </c>
    </row>
    <row r="24" spans="2:7" x14ac:dyDescent="0.2">
      <c r="B24" s="29"/>
      <c r="C24" s="2" t="s">
        <v>45</v>
      </c>
      <c r="D24" s="19">
        <v>77</v>
      </c>
      <c r="E24" s="20">
        <v>19</v>
      </c>
      <c r="F24" s="21">
        <v>53</v>
      </c>
      <c r="G24" s="22">
        <v>5</v>
      </c>
    </row>
    <row r="25" spans="2:7" x14ac:dyDescent="0.2">
      <c r="B25" s="29"/>
      <c r="C25" s="7"/>
      <c r="D25" s="23">
        <v>100</v>
      </c>
      <c r="E25" s="24">
        <v>24.7</v>
      </c>
      <c r="F25" s="25">
        <v>68.8</v>
      </c>
      <c r="G25" s="26">
        <v>6.5</v>
      </c>
    </row>
    <row r="26" spans="2:7" x14ac:dyDescent="0.2">
      <c r="B26" s="29"/>
      <c r="C26" s="2" t="s">
        <v>44</v>
      </c>
      <c r="D26" s="19">
        <v>260</v>
      </c>
      <c r="E26" s="20">
        <v>57</v>
      </c>
      <c r="F26" s="21">
        <v>178</v>
      </c>
      <c r="G26" s="22">
        <v>25</v>
      </c>
    </row>
    <row r="27" spans="2:7" x14ac:dyDescent="0.2">
      <c r="B27" s="29"/>
      <c r="C27" s="7"/>
      <c r="D27" s="23">
        <v>100</v>
      </c>
      <c r="E27" s="24">
        <v>21.9</v>
      </c>
      <c r="F27" s="25">
        <v>68.5</v>
      </c>
      <c r="G27" s="26">
        <v>9.6</v>
      </c>
    </row>
    <row r="28" spans="2:7" x14ac:dyDescent="0.2">
      <c r="B28" s="29"/>
      <c r="C28" s="2" t="s">
        <v>43</v>
      </c>
      <c r="D28" s="19">
        <v>334</v>
      </c>
      <c r="E28" s="20">
        <v>88</v>
      </c>
      <c r="F28" s="21">
        <v>218</v>
      </c>
      <c r="G28" s="22">
        <v>28</v>
      </c>
    </row>
    <row r="29" spans="2:7" x14ac:dyDescent="0.2">
      <c r="B29" s="29"/>
      <c r="C29" s="7"/>
      <c r="D29" s="23">
        <v>100</v>
      </c>
      <c r="E29" s="24">
        <v>26.3</v>
      </c>
      <c r="F29" s="25">
        <v>65.3</v>
      </c>
      <c r="G29" s="26">
        <v>8.4</v>
      </c>
    </row>
    <row r="30" spans="2:7" x14ac:dyDescent="0.2">
      <c r="B30" s="29"/>
      <c r="C30" s="2" t="s">
        <v>14</v>
      </c>
      <c r="D30" s="19">
        <v>28</v>
      </c>
      <c r="E30" s="20">
        <v>4</v>
      </c>
      <c r="F30" s="21">
        <v>22</v>
      </c>
      <c r="G30" s="22">
        <v>2</v>
      </c>
    </row>
    <row r="31" spans="2:7" x14ac:dyDescent="0.2">
      <c r="B31" s="29"/>
      <c r="C31" s="7"/>
      <c r="D31" s="23">
        <v>100</v>
      </c>
      <c r="E31" s="24">
        <v>14.3</v>
      </c>
      <c r="F31" s="25">
        <v>78.599999999999994</v>
      </c>
      <c r="G31" s="26">
        <v>7.1</v>
      </c>
    </row>
    <row r="32" spans="2:7" x14ac:dyDescent="0.2">
      <c r="B32" s="29"/>
      <c r="C32" s="2" t="s">
        <v>42</v>
      </c>
      <c r="D32" s="19">
        <v>390</v>
      </c>
      <c r="E32" s="20">
        <v>109</v>
      </c>
      <c r="F32" s="21">
        <v>258</v>
      </c>
      <c r="G32" s="22">
        <v>23</v>
      </c>
    </row>
    <row r="33" spans="2:7" x14ac:dyDescent="0.2">
      <c r="B33" s="29"/>
      <c r="C33" s="7"/>
      <c r="D33" s="23">
        <v>100</v>
      </c>
      <c r="E33" s="24">
        <v>27.9</v>
      </c>
      <c r="F33" s="25">
        <v>66.2</v>
      </c>
      <c r="G33" s="26">
        <v>5.9</v>
      </c>
    </row>
    <row r="34" spans="2:7" x14ac:dyDescent="0.2">
      <c r="B34" s="29"/>
      <c r="C34" s="2" t="s">
        <v>13</v>
      </c>
      <c r="D34" s="19">
        <v>70</v>
      </c>
      <c r="E34" s="20">
        <v>12</v>
      </c>
      <c r="F34" s="21">
        <v>45</v>
      </c>
      <c r="G34" s="22">
        <v>13</v>
      </c>
    </row>
    <row r="35" spans="2:7" x14ac:dyDescent="0.2">
      <c r="B35" s="30"/>
      <c r="C35" s="10"/>
      <c r="D35" s="15">
        <v>100</v>
      </c>
      <c r="E35" s="16">
        <v>17.100000000000001</v>
      </c>
      <c r="F35" s="17">
        <v>64.3</v>
      </c>
      <c r="G35" s="18">
        <v>18.600000000000001</v>
      </c>
    </row>
    <row r="36" spans="2:7" x14ac:dyDescent="0.2">
      <c r="B36" s="28" t="s">
        <v>53</v>
      </c>
      <c r="C36" s="9" t="s">
        <v>12</v>
      </c>
      <c r="D36" s="11">
        <v>1241</v>
      </c>
      <c r="E36" s="12">
        <v>330</v>
      </c>
      <c r="F36" s="13">
        <v>820</v>
      </c>
      <c r="G36" s="14">
        <v>91</v>
      </c>
    </row>
    <row r="37" spans="2:7" x14ac:dyDescent="0.2">
      <c r="B37" s="29"/>
      <c r="C37" s="8"/>
      <c r="D37" s="15">
        <v>100</v>
      </c>
      <c r="E37" s="16">
        <v>26.6</v>
      </c>
      <c r="F37" s="17">
        <v>66.099999999999994</v>
      </c>
      <c r="G37" s="18">
        <v>7.3</v>
      </c>
    </row>
    <row r="38" spans="2:7" x14ac:dyDescent="0.2">
      <c r="B38" s="29"/>
      <c r="C38" s="2" t="s">
        <v>41</v>
      </c>
      <c r="D38" s="19">
        <v>799</v>
      </c>
      <c r="E38" s="20">
        <v>221</v>
      </c>
      <c r="F38" s="21">
        <v>539</v>
      </c>
      <c r="G38" s="22">
        <v>39</v>
      </c>
    </row>
    <row r="39" spans="2:7" x14ac:dyDescent="0.2">
      <c r="B39" s="29"/>
      <c r="C39" s="7"/>
      <c r="D39" s="23">
        <v>100</v>
      </c>
      <c r="E39" s="24">
        <v>27.7</v>
      </c>
      <c r="F39" s="25">
        <v>67.5</v>
      </c>
      <c r="G39" s="26">
        <v>4.9000000000000004</v>
      </c>
    </row>
    <row r="40" spans="2:7" x14ac:dyDescent="0.2">
      <c r="B40" s="29"/>
      <c r="C40" s="2" t="s">
        <v>40</v>
      </c>
      <c r="D40" s="19">
        <v>182</v>
      </c>
      <c r="E40" s="20">
        <v>59</v>
      </c>
      <c r="F40" s="21">
        <v>107</v>
      </c>
      <c r="G40" s="22">
        <v>16</v>
      </c>
    </row>
    <row r="41" spans="2:7" x14ac:dyDescent="0.2">
      <c r="B41" s="29"/>
      <c r="C41" s="7"/>
      <c r="D41" s="23">
        <v>100</v>
      </c>
      <c r="E41" s="24">
        <v>32.4</v>
      </c>
      <c r="F41" s="25">
        <v>58.8</v>
      </c>
      <c r="G41" s="26">
        <v>8.8000000000000007</v>
      </c>
    </row>
    <row r="42" spans="2:7" x14ac:dyDescent="0.2">
      <c r="B42" s="29"/>
      <c r="C42" s="2" t="s">
        <v>39</v>
      </c>
      <c r="D42" s="19">
        <v>72</v>
      </c>
      <c r="E42" s="20">
        <v>14</v>
      </c>
      <c r="F42" s="21">
        <v>51</v>
      </c>
      <c r="G42" s="22">
        <v>7</v>
      </c>
    </row>
    <row r="43" spans="2:7" x14ac:dyDescent="0.2">
      <c r="B43" s="29"/>
      <c r="C43" s="7"/>
      <c r="D43" s="23">
        <v>100</v>
      </c>
      <c r="E43" s="24">
        <v>19.399999999999999</v>
      </c>
      <c r="F43" s="25">
        <v>70.8</v>
      </c>
      <c r="G43" s="26">
        <v>9.6999999999999993</v>
      </c>
    </row>
    <row r="44" spans="2:7" x14ac:dyDescent="0.2">
      <c r="B44" s="29"/>
      <c r="C44" s="2" t="s">
        <v>38</v>
      </c>
      <c r="D44" s="19">
        <v>127</v>
      </c>
      <c r="E44" s="20">
        <v>25</v>
      </c>
      <c r="F44" s="21">
        <v>85</v>
      </c>
      <c r="G44" s="22">
        <v>17</v>
      </c>
    </row>
    <row r="45" spans="2:7" x14ac:dyDescent="0.2">
      <c r="B45" s="29"/>
      <c r="C45" s="7"/>
      <c r="D45" s="23">
        <v>100</v>
      </c>
      <c r="E45" s="24">
        <v>19.7</v>
      </c>
      <c r="F45" s="25">
        <v>66.900000000000006</v>
      </c>
      <c r="G45" s="26">
        <v>13.4</v>
      </c>
    </row>
    <row r="46" spans="2:7" x14ac:dyDescent="0.2">
      <c r="B46" s="29"/>
      <c r="C46" s="2" t="s">
        <v>13</v>
      </c>
      <c r="D46" s="19">
        <v>61</v>
      </c>
      <c r="E46" s="20">
        <v>11</v>
      </c>
      <c r="F46" s="21">
        <v>38</v>
      </c>
      <c r="G46" s="22">
        <v>12</v>
      </c>
    </row>
    <row r="47" spans="2:7" x14ac:dyDescent="0.2">
      <c r="B47" s="30"/>
      <c r="C47" s="10"/>
      <c r="D47" s="15">
        <v>100</v>
      </c>
      <c r="E47" s="16">
        <v>18</v>
      </c>
      <c r="F47" s="17">
        <v>62.3</v>
      </c>
      <c r="G47" s="18">
        <v>19.7</v>
      </c>
    </row>
  </sheetData>
  <mergeCells count="3">
    <mergeCell ref="B4:B11"/>
    <mergeCell ref="B12:B35"/>
    <mergeCell ref="B36:B47"/>
  </mergeCells>
  <phoneticPr fontId="2"/>
  <pageMargins left="0.7" right="0.7" top="0.75" bottom="0.75" header="0.3" footer="0.3"/>
</worksheet>
</file>

<file path=xl/worksheets/sheet4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61</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151</v>
      </c>
      <c r="F4" s="13">
        <v>992</v>
      </c>
      <c r="G4" s="14">
        <v>98</v>
      </c>
    </row>
    <row r="5" spans="2:7" x14ac:dyDescent="0.2">
      <c r="B5" s="29"/>
      <c r="C5" s="8"/>
      <c r="D5" s="15">
        <v>100</v>
      </c>
      <c r="E5" s="16">
        <v>12.2</v>
      </c>
      <c r="F5" s="17">
        <v>79.900000000000006</v>
      </c>
      <c r="G5" s="18">
        <v>7.9</v>
      </c>
    </row>
    <row r="6" spans="2:7" x14ac:dyDescent="0.2">
      <c r="B6" s="29"/>
      <c r="C6" s="2" t="s">
        <v>30</v>
      </c>
      <c r="D6" s="19">
        <v>499</v>
      </c>
      <c r="E6" s="20">
        <v>73</v>
      </c>
      <c r="F6" s="21">
        <v>398</v>
      </c>
      <c r="G6" s="22">
        <v>28</v>
      </c>
    </row>
    <row r="7" spans="2:7" x14ac:dyDescent="0.2">
      <c r="B7" s="29"/>
      <c r="C7" s="7"/>
      <c r="D7" s="23">
        <v>100</v>
      </c>
      <c r="E7" s="24">
        <v>14.6</v>
      </c>
      <c r="F7" s="25">
        <v>79.8</v>
      </c>
      <c r="G7" s="26">
        <v>5.6</v>
      </c>
    </row>
    <row r="8" spans="2:7" x14ac:dyDescent="0.2">
      <c r="B8" s="29"/>
      <c r="C8" s="2" t="s">
        <v>29</v>
      </c>
      <c r="D8" s="19">
        <v>150</v>
      </c>
      <c r="E8" s="20">
        <v>19</v>
      </c>
      <c r="F8" s="21">
        <v>118</v>
      </c>
      <c r="G8" s="22">
        <v>13</v>
      </c>
    </row>
    <row r="9" spans="2:7" x14ac:dyDescent="0.2">
      <c r="B9" s="29"/>
      <c r="C9" s="7"/>
      <c r="D9" s="23">
        <v>100</v>
      </c>
      <c r="E9" s="24">
        <v>12.7</v>
      </c>
      <c r="F9" s="25">
        <v>78.7</v>
      </c>
      <c r="G9" s="26">
        <v>8.6999999999999993</v>
      </c>
    </row>
    <row r="10" spans="2:7" x14ac:dyDescent="0.2">
      <c r="B10" s="29"/>
      <c r="C10" s="2" t="s">
        <v>28</v>
      </c>
      <c r="D10" s="19">
        <v>82</v>
      </c>
      <c r="E10" s="20">
        <v>9</v>
      </c>
      <c r="F10" s="21">
        <v>66</v>
      </c>
      <c r="G10" s="22">
        <v>7</v>
      </c>
    </row>
    <row r="11" spans="2:7" x14ac:dyDescent="0.2">
      <c r="B11" s="29"/>
      <c r="C11" s="7"/>
      <c r="D11" s="23">
        <v>100</v>
      </c>
      <c r="E11" s="24">
        <v>11</v>
      </c>
      <c r="F11" s="25">
        <v>80.5</v>
      </c>
      <c r="G11" s="26">
        <v>8.5</v>
      </c>
    </row>
    <row r="12" spans="2:7" x14ac:dyDescent="0.2">
      <c r="B12" s="29"/>
      <c r="C12" s="2" t="s">
        <v>27</v>
      </c>
      <c r="D12" s="19">
        <v>92</v>
      </c>
      <c r="E12" s="20">
        <v>11</v>
      </c>
      <c r="F12" s="21">
        <v>74</v>
      </c>
      <c r="G12" s="22">
        <v>7</v>
      </c>
    </row>
    <row r="13" spans="2:7" x14ac:dyDescent="0.2">
      <c r="B13" s="29"/>
      <c r="C13" s="7"/>
      <c r="D13" s="23">
        <v>100</v>
      </c>
      <c r="E13" s="24">
        <v>12</v>
      </c>
      <c r="F13" s="25">
        <v>80.400000000000006</v>
      </c>
      <c r="G13" s="26">
        <v>7.6</v>
      </c>
    </row>
    <row r="14" spans="2:7" x14ac:dyDescent="0.2">
      <c r="B14" s="29"/>
      <c r="C14" s="2" t="s">
        <v>26</v>
      </c>
      <c r="D14" s="19">
        <v>112</v>
      </c>
      <c r="E14" s="20">
        <v>7</v>
      </c>
      <c r="F14" s="21">
        <v>93</v>
      </c>
      <c r="G14" s="22">
        <v>12</v>
      </c>
    </row>
    <row r="15" spans="2:7" x14ac:dyDescent="0.2">
      <c r="B15" s="29"/>
      <c r="C15" s="7"/>
      <c r="D15" s="23">
        <v>100</v>
      </c>
      <c r="E15" s="24">
        <v>6.3</v>
      </c>
      <c r="F15" s="25">
        <v>83</v>
      </c>
      <c r="G15" s="26">
        <v>10.7</v>
      </c>
    </row>
    <row r="16" spans="2:7" x14ac:dyDescent="0.2">
      <c r="B16" s="29"/>
      <c r="C16" s="2" t="s">
        <v>25</v>
      </c>
      <c r="D16" s="19">
        <v>188</v>
      </c>
      <c r="E16" s="20">
        <v>17</v>
      </c>
      <c r="F16" s="21">
        <v>152</v>
      </c>
      <c r="G16" s="22">
        <v>19</v>
      </c>
    </row>
    <row r="17" spans="2:7" x14ac:dyDescent="0.2">
      <c r="B17" s="29"/>
      <c r="C17" s="7"/>
      <c r="D17" s="23">
        <v>100</v>
      </c>
      <c r="E17" s="24">
        <v>9</v>
      </c>
      <c r="F17" s="25">
        <v>80.900000000000006</v>
      </c>
      <c r="G17" s="26">
        <v>10.1</v>
      </c>
    </row>
    <row r="18" spans="2:7" x14ac:dyDescent="0.2">
      <c r="B18" s="29"/>
      <c r="C18" s="2" t="s">
        <v>24</v>
      </c>
      <c r="D18" s="19">
        <v>60</v>
      </c>
      <c r="E18" s="20">
        <v>6</v>
      </c>
      <c r="F18" s="21">
        <v>51</v>
      </c>
      <c r="G18" s="22">
        <v>3</v>
      </c>
    </row>
    <row r="19" spans="2:7" x14ac:dyDescent="0.2">
      <c r="B19" s="29"/>
      <c r="C19" s="7"/>
      <c r="D19" s="23">
        <v>100</v>
      </c>
      <c r="E19" s="24">
        <v>10</v>
      </c>
      <c r="F19" s="25">
        <v>85</v>
      </c>
      <c r="G19" s="26">
        <v>5</v>
      </c>
    </row>
    <row r="20" spans="2:7" x14ac:dyDescent="0.2">
      <c r="B20" s="29"/>
      <c r="C20" s="2" t="s">
        <v>13</v>
      </c>
      <c r="D20" s="19">
        <v>58</v>
      </c>
      <c r="E20" s="20">
        <v>9</v>
      </c>
      <c r="F20" s="21">
        <v>40</v>
      </c>
      <c r="G20" s="22">
        <v>9</v>
      </c>
    </row>
    <row r="21" spans="2:7" x14ac:dyDescent="0.2">
      <c r="B21" s="30"/>
      <c r="C21" s="10"/>
      <c r="D21" s="15">
        <v>100</v>
      </c>
      <c r="E21" s="16">
        <v>15.5</v>
      </c>
      <c r="F21" s="17">
        <v>69</v>
      </c>
      <c r="G21" s="18">
        <v>15.5</v>
      </c>
    </row>
    <row r="22" spans="2:7" x14ac:dyDescent="0.2">
      <c r="B22" s="28" t="s">
        <v>35</v>
      </c>
      <c r="C22" s="9" t="s">
        <v>12</v>
      </c>
      <c r="D22" s="11">
        <v>1241</v>
      </c>
      <c r="E22" s="12">
        <v>151</v>
      </c>
      <c r="F22" s="13">
        <v>992</v>
      </c>
      <c r="G22" s="14">
        <v>98</v>
      </c>
    </row>
    <row r="23" spans="2:7" x14ac:dyDescent="0.2">
      <c r="B23" s="29"/>
      <c r="C23" s="8"/>
      <c r="D23" s="15">
        <v>100</v>
      </c>
      <c r="E23" s="16">
        <v>12.2</v>
      </c>
      <c r="F23" s="17">
        <v>79.900000000000006</v>
      </c>
      <c r="G23" s="18">
        <v>7.9</v>
      </c>
    </row>
    <row r="24" spans="2:7" x14ac:dyDescent="0.2">
      <c r="B24" s="29"/>
      <c r="C24" s="2" t="s">
        <v>23</v>
      </c>
      <c r="D24" s="19">
        <v>563</v>
      </c>
      <c r="E24" s="20">
        <v>54</v>
      </c>
      <c r="F24" s="21">
        <v>473</v>
      </c>
      <c r="G24" s="22">
        <v>36</v>
      </c>
    </row>
    <row r="25" spans="2:7" x14ac:dyDescent="0.2">
      <c r="B25" s="29"/>
      <c r="C25" s="7"/>
      <c r="D25" s="23">
        <v>100</v>
      </c>
      <c r="E25" s="24">
        <v>9.6</v>
      </c>
      <c r="F25" s="25">
        <v>84</v>
      </c>
      <c r="G25" s="26">
        <v>6.4</v>
      </c>
    </row>
    <row r="26" spans="2:7" x14ac:dyDescent="0.2">
      <c r="B26" s="29"/>
      <c r="C26" s="2" t="s">
        <v>22</v>
      </c>
      <c r="D26" s="19">
        <v>607</v>
      </c>
      <c r="E26" s="20">
        <v>87</v>
      </c>
      <c r="F26" s="21">
        <v>467</v>
      </c>
      <c r="G26" s="22">
        <v>53</v>
      </c>
    </row>
    <row r="27" spans="2:7" x14ac:dyDescent="0.2">
      <c r="B27" s="29"/>
      <c r="C27" s="7"/>
      <c r="D27" s="23">
        <v>100</v>
      </c>
      <c r="E27" s="24">
        <v>14.3</v>
      </c>
      <c r="F27" s="25">
        <v>76.900000000000006</v>
      </c>
      <c r="G27" s="26">
        <v>8.6999999999999993</v>
      </c>
    </row>
    <row r="28" spans="2:7" x14ac:dyDescent="0.2">
      <c r="B28" s="29"/>
      <c r="C28" s="2" t="s">
        <v>13</v>
      </c>
      <c r="D28" s="19">
        <v>71</v>
      </c>
      <c r="E28" s="20">
        <v>10</v>
      </c>
      <c r="F28" s="21">
        <v>52</v>
      </c>
      <c r="G28" s="22">
        <v>9</v>
      </c>
    </row>
    <row r="29" spans="2:7" x14ac:dyDescent="0.2">
      <c r="B29" s="30"/>
      <c r="C29" s="10"/>
      <c r="D29" s="15">
        <v>100</v>
      </c>
      <c r="E29" s="16">
        <v>14.1</v>
      </c>
      <c r="F29" s="17">
        <v>73.2</v>
      </c>
      <c r="G29" s="18">
        <v>12.7</v>
      </c>
    </row>
    <row r="30" spans="2:7" x14ac:dyDescent="0.2">
      <c r="B30" s="28" t="s">
        <v>34</v>
      </c>
      <c r="C30" s="9" t="s">
        <v>12</v>
      </c>
      <c r="D30" s="11">
        <v>1241</v>
      </c>
      <c r="E30" s="12">
        <v>151</v>
      </c>
      <c r="F30" s="13">
        <v>992</v>
      </c>
      <c r="G30" s="14">
        <v>98</v>
      </c>
    </row>
    <row r="31" spans="2:7" x14ac:dyDescent="0.2">
      <c r="B31" s="29"/>
      <c r="C31" s="8"/>
      <c r="D31" s="15">
        <v>100</v>
      </c>
      <c r="E31" s="16">
        <v>12.2</v>
      </c>
      <c r="F31" s="17">
        <v>79.900000000000006</v>
      </c>
      <c r="G31" s="18">
        <v>7.9</v>
      </c>
    </row>
    <row r="32" spans="2:7" x14ac:dyDescent="0.2">
      <c r="B32" s="29"/>
      <c r="C32" s="2" t="s">
        <v>76</v>
      </c>
      <c r="D32" s="19">
        <v>3</v>
      </c>
      <c r="E32" s="20" t="s">
        <v>152</v>
      </c>
      <c r="F32" s="21">
        <v>3</v>
      </c>
      <c r="G32" s="22" t="s">
        <v>152</v>
      </c>
    </row>
    <row r="33" spans="2:7" x14ac:dyDescent="0.2">
      <c r="B33" s="29"/>
      <c r="C33" s="7"/>
      <c r="D33" s="23">
        <v>100</v>
      </c>
      <c r="E33" s="24" t="s">
        <v>152</v>
      </c>
      <c r="F33" s="25">
        <v>100</v>
      </c>
      <c r="G33" s="26" t="s">
        <v>152</v>
      </c>
    </row>
    <row r="34" spans="2:7" x14ac:dyDescent="0.2">
      <c r="B34" s="29"/>
      <c r="C34" s="2" t="s">
        <v>78</v>
      </c>
      <c r="D34" s="19">
        <v>51</v>
      </c>
      <c r="E34" s="20">
        <v>8</v>
      </c>
      <c r="F34" s="21">
        <v>43</v>
      </c>
      <c r="G34" s="22" t="s">
        <v>152</v>
      </c>
    </row>
    <row r="35" spans="2:7" x14ac:dyDescent="0.2">
      <c r="B35" s="29"/>
      <c r="C35" s="7"/>
      <c r="D35" s="23">
        <v>100</v>
      </c>
      <c r="E35" s="24">
        <v>15.7</v>
      </c>
      <c r="F35" s="25">
        <v>84.3</v>
      </c>
      <c r="G35" s="26" t="s">
        <v>152</v>
      </c>
    </row>
    <row r="36" spans="2:7" x14ac:dyDescent="0.2">
      <c r="B36" s="29"/>
      <c r="C36" s="2" t="s">
        <v>147</v>
      </c>
      <c r="D36" s="19">
        <v>54</v>
      </c>
      <c r="E36" s="20">
        <v>8</v>
      </c>
      <c r="F36" s="21">
        <v>46</v>
      </c>
      <c r="G36" s="22" t="s">
        <v>152</v>
      </c>
    </row>
    <row r="37" spans="2:7" x14ac:dyDescent="0.2">
      <c r="B37" s="29"/>
      <c r="C37" s="7"/>
      <c r="D37" s="23">
        <v>100</v>
      </c>
      <c r="E37" s="24">
        <v>14.814814814814813</v>
      </c>
      <c r="F37" s="25">
        <v>85.18518518518519</v>
      </c>
      <c r="G37" s="26" t="s">
        <v>152</v>
      </c>
    </row>
    <row r="38" spans="2:7" x14ac:dyDescent="0.2">
      <c r="B38" s="29"/>
      <c r="C38" s="2" t="s">
        <v>80</v>
      </c>
      <c r="D38" s="19">
        <v>116</v>
      </c>
      <c r="E38" s="20">
        <v>22</v>
      </c>
      <c r="F38" s="21">
        <v>91</v>
      </c>
      <c r="G38" s="22">
        <v>3</v>
      </c>
    </row>
    <row r="39" spans="2:7" x14ac:dyDescent="0.2">
      <c r="B39" s="29"/>
      <c r="C39" s="7"/>
      <c r="D39" s="23">
        <v>100</v>
      </c>
      <c r="E39" s="24">
        <v>19</v>
      </c>
      <c r="F39" s="25">
        <v>78.400000000000006</v>
      </c>
      <c r="G39" s="26">
        <v>2.6</v>
      </c>
    </row>
    <row r="40" spans="2:7" x14ac:dyDescent="0.2">
      <c r="B40" s="29"/>
      <c r="C40" s="2" t="s">
        <v>82</v>
      </c>
      <c r="D40" s="19">
        <v>200</v>
      </c>
      <c r="E40" s="20">
        <v>24</v>
      </c>
      <c r="F40" s="21">
        <v>164</v>
      </c>
      <c r="G40" s="22">
        <v>12</v>
      </c>
    </row>
    <row r="41" spans="2:7" x14ac:dyDescent="0.2">
      <c r="B41" s="29"/>
      <c r="C41" s="7"/>
      <c r="D41" s="23">
        <v>100</v>
      </c>
      <c r="E41" s="24">
        <v>12</v>
      </c>
      <c r="F41" s="25">
        <v>82</v>
      </c>
      <c r="G41" s="26">
        <v>6</v>
      </c>
    </row>
    <row r="42" spans="2:7" x14ac:dyDescent="0.2">
      <c r="B42" s="29"/>
      <c r="C42" s="2" t="s">
        <v>84</v>
      </c>
      <c r="D42" s="19">
        <v>289</v>
      </c>
      <c r="E42" s="20">
        <v>28</v>
      </c>
      <c r="F42" s="21">
        <v>250</v>
      </c>
      <c r="G42" s="22">
        <v>11</v>
      </c>
    </row>
    <row r="43" spans="2:7" x14ac:dyDescent="0.2">
      <c r="B43" s="29"/>
      <c r="C43" s="7"/>
      <c r="D43" s="23">
        <v>100</v>
      </c>
      <c r="E43" s="24">
        <v>9.6999999999999993</v>
      </c>
      <c r="F43" s="25">
        <v>86.5</v>
      </c>
      <c r="G43" s="26">
        <v>3.8</v>
      </c>
    </row>
    <row r="44" spans="2:7" x14ac:dyDescent="0.2">
      <c r="B44" s="29"/>
      <c r="C44" s="2" t="s">
        <v>86</v>
      </c>
      <c r="D44" s="19">
        <v>247</v>
      </c>
      <c r="E44" s="20">
        <v>15</v>
      </c>
      <c r="F44" s="21">
        <v>209</v>
      </c>
      <c r="G44" s="22">
        <v>23</v>
      </c>
    </row>
    <row r="45" spans="2:7" x14ac:dyDescent="0.2">
      <c r="B45" s="29"/>
      <c r="C45" s="7"/>
      <c r="D45" s="23">
        <v>100</v>
      </c>
      <c r="E45" s="24">
        <v>6.1</v>
      </c>
      <c r="F45" s="25">
        <v>84.6</v>
      </c>
      <c r="G45" s="26">
        <v>9.3000000000000007</v>
      </c>
    </row>
    <row r="46" spans="2:7" x14ac:dyDescent="0.2">
      <c r="B46" s="29"/>
      <c r="C46" s="2" t="s">
        <v>88</v>
      </c>
      <c r="D46" s="19">
        <v>125</v>
      </c>
      <c r="E46" s="20">
        <v>18</v>
      </c>
      <c r="F46" s="21">
        <v>92</v>
      </c>
      <c r="G46" s="22">
        <v>15</v>
      </c>
    </row>
    <row r="47" spans="2:7" x14ac:dyDescent="0.2">
      <c r="B47" s="29"/>
      <c r="C47" s="7"/>
      <c r="D47" s="23">
        <v>100</v>
      </c>
      <c r="E47" s="24">
        <v>14.4</v>
      </c>
      <c r="F47" s="25">
        <v>73.599999999999994</v>
      </c>
      <c r="G47" s="26">
        <v>12</v>
      </c>
    </row>
    <row r="48" spans="2:7" x14ac:dyDescent="0.2">
      <c r="B48" s="29"/>
      <c r="C48" s="2" t="s">
        <v>90</v>
      </c>
      <c r="D48" s="19">
        <v>150</v>
      </c>
      <c r="E48" s="20">
        <v>27</v>
      </c>
      <c r="F48" s="21">
        <v>100</v>
      </c>
      <c r="G48" s="22">
        <v>23</v>
      </c>
    </row>
    <row r="49" spans="2:7" x14ac:dyDescent="0.2">
      <c r="B49" s="29"/>
      <c r="C49" s="7"/>
      <c r="D49" s="23">
        <v>100</v>
      </c>
      <c r="E49" s="24">
        <v>18</v>
      </c>
      <c r="F49" s="25">
        <v>66.7</v>
      </c>
      <c r="G49" s="26">
        <v>15.3</v>
      </c>
    </row>
    <row r="50" spans="2:7" x14ac:dyDescent="0.2">
      <c r="B50" s="29"/>
      <c r="C50" s="2" t="s">
        <v>92</v>
      </c>
      <c r="D50" s="19">
        <v>60</v>
      </c>
      <c r="E50" s="20">
        <v>9</v>
      </c>
      <c r="F50" s="21">
        <v>40</v>
      </c>
      <c r="G50" s="22">
        <v>11</v>
      </c>
    </row>
    <row r="51" spans="2:7" x14ac:dyDescent="0.2">
      <c r="B51" s="29"/>
      <c r="C51" s="10"/>
      <c r="D51" s="23">
        <v>100</v>
      </c>
      <c r="E51" s="24">
        <v>15</v>
      </c>
      <c r="F51" s="25">
        <v>66.7</v>
      </c>
      <c r="G51" s="26">
        <v>18.3</v>
      </c>
    </row>
    <row r="52" spans="2:7" x14ac:dyDescent="0.2">
      <c r="B52" s="28" t="s">
        <v>33</v>
      </c>
      <c r="C52" s="9" t="s">
        <v>12</v>
      </c>
      <c r="D52" s="11">
        <v>1241</v>
      </c>
      <c r="E52" s="12">
        <v>151</v>
      </c>
      <c r="F52" s="13">
        <v>992</v>
      </c>
      <c r="G52" s="14">
        <v>98</v>
      </c>
    </row>
    <row r="53" spans="2:7" x14ac:dyDescent="0.2">
      <c r="B53" s="29"/>
      <c r="C53" s="8"/>
      <c r="D53" s="15">
        <v>100</v>
      </c>
      <c r="E53" s="16">
        <v>12.2</v>
      </c>
      <c r="F53" s="17">
        <v>79.900000000000006</v>
      </c>
      <c r="G53" s="18">
        <v>7.9</v>
      </c>
    </row>
    <row r="54" spans="2:7" x14ac:dyDescent="0.2">
      <c r="B54" s="29"/>
      <c r="C54" s="2" t="s">
        <v>57</v>
      </c>
      <c r="D54" s="19">
        <v>2</v>
      </c>
      <c r="E54" s="20" t="s">
        <v>152</v>
      </c>
      <c r="F54" s="21">
        <v>2</v>
      </c>
      <c r="G54" s="22" t="s">
        <v>152</v>
      </c>
    </row>
    <row r="55" spans="2:7" x14ac:dyDescent="0.2">
      <c r="B55" s="29"/>
      <c r="C55" s="7"/>
      <c r="D55" s="23">
        <v>100</v>
      </c>
      <c r="E55" s="24" t="s">
        <v>152</v>
      </c>
      <c r="F55" s="25">
        <v>100</v>
      </c>
      <c r="G55" s="26" t="s">
        <v>152</v>
      </c>
    </row>
    <row r="56" spans="2:7" x14ac:dyDescent="0.2">
      <c r="B56" s="29"/>
      <c r="C56" s="2" t="s">
        <v>63</v>
      </c>
      <c r="D56" s="19">
        <v>20</v>
      </c>
      <c r="E56" s="20">
        <v>3</v>
      </c>
      <c r="F56" s="21">
        <v>17</v>
      </c>
      <c r="G56" s="22" t="s">
        <v>152</v>
      </c>
    </row>
    <row r="57" spans="2:7" x14ac:dyDescent="0.2">
      <c r="B57" s="29"/>
      <c r="C57" s="7"/>
      <c r="D57" s="23">
        <v>100</v>
      </c>
      <c r="E57" s="24">
        <v>15</v>
      </c>
      <c r="F57" s="25">
        <v>85</v>
      </c>
      <c r="G57" s="26" t="s">
        <v>152</v>
      </c>
    </row>
    <row r="58" spans="2:7" x14ac:dyDescent="0.2">
      <c r="B58" s="29"/>
      <c r="C58" s="2" t="s">
        <v>148</v>
      </c>
      <c r="D58" s="19">
        <v>22</v>
      </c>
      <c r="E58" s="20">
        <v>3</v>
      </c>
      <c r="F58" s="21">
        <v>19</v>
      </c>
      <c r="G58" s="22" t="s">
        <v>152</v>
      </c>
    </row>
    <row r="59" spans="2:7" x14ac:dyDescent="0.2">
      <c r="B59" s="29"/>
      <c r="C59" s="7"/>
      <c r="D59" s="23">
        <v>100</v>
      </c>
      <c r="E59" s="24">
        <v>13.636363636363635</v>
      </c>
      <c r="F59" s="25">
        <v>86.36363636363636</v>
      </c>
      <c r="G59" s="26" t="s">
        <v>152</v>
      </c>
    </row>
    <row r="60" spans="2:7" x14ac:dyDescent="0.2">
      <c r="B60" s="29"/>
      <c r="C60" s="2" t="s">
        <v>64</v>
      </c>
      <c r="D60" s="19">
        <v>51</v>
      </c>
      <c r="E60" s="20">
        <v>9</v>
      </c>
      <c r="F60" s="21">
        <v>41</v>
      </c>
      <c r="G60" s="22">
        <v>1</v>
      </c>
    </row>
    <row r="61" spans="2:7" x14ac:dyDescent="0.2">
      <c r="B61" s="29"/>
      <c r="C61" s="7"/>
      <c r="D61" s="23">
        <v>100</v>
      </c>
      <c r="E61" s="24">
        <v>17.600000000000001</v>
      </c>
      <c r="F61" s="25">
        <v>80.400000000000006</v>
      </c>
      <c r="G61" s="26">
        <v>2</v>
      </c>
    </row>
    <row r="62" spans="2:7" x14ac:dyDescent="0.2">
      <c r="B62" s="29"/>
      <c r="C62" s="2" t="s">
        <v>65</v>
      </c>
      <c r="D62" s="19">
        <v>88</v>
      </c>
      <c r="E62" s="20">
        <v>14</v>
      </c>
      <c r="F62" s="21">
        <v>71</v>
      </c>
      <c r="G62" s="22">
        <v>3</v>
      </c>
    </row>
    <row r="63" spans="2:7" x14ac:dyDescent="0.2">
      <c r="B63" s="29"/>
      <c r="C63" s="7"/>
      <c r="D63" s="23">
        <v>100</v>
      </c>
      <c r="E63" s="24">
        <v>15.9</v>
      </c>
      <c r="F63" s="25">
        <v>80.7</v>
      </c>
      <c r="G63" s="26">
        <v>3.4</v>
      </c>
    </row>
    <row r="64" spans="2:7" x14ac:dyDescent="0.2">
      <c r="B64" s="29"/>
      <c r="C64" s="2" t="s">
        <v>66</v>
      </c>
      <c r="D64" s="19">
        <v>146</v>
      </c>
      <c r="E64" s="20">
        <v>12</v>
      </c>
      <c r="F64" s="21">
        <v>127</v>
      </c>
      <c r="G64" s="22">
        <v>7</v>
      </c>
    </row>
    <row r="65" spans="2:7" x14ac:dyDescent="0.2">
      <c r="B65" s="29"/>
      <c r="C65" s="7"/>
      <c r="D65" s="23">
        <v>100</v>
      </c>
      <c r="E65" s="24">
        <v>8.1999999999999993</v>
      </c>
      <c r="F65" s="25">
        <v>87</v>
      </c>
      <c r="G65" s="26">
        <v>4.8</v>
      </c>
    </row>
    <row r="66" spans="2:7" x14ac:dyDescent="0.2">
      <c r="B66" s="29"/>
      <c r="C66" s="2" t="s">
        <v>67</v>
      </c>
      <c r="D66" s="19">
        <v>133</v>
      </c>
      <c r="E66" s="20">
        <v>4</v>
      </c>
      <c r="F66" s="21">
        <v>119</v>
      </c>
      <c r="G66" s="22">
        <v>10</v>
      </c>
    </row>
    <row r="67" spans="2:7" x14ac:dyDescent="0.2">
      <c r="B67" s="29"/>
      <c r="C67" s="7"/>
      <c r="D67" s="23">
        <v>100</v>
      </c>
      <c r="E67" s="24">
        <v>3</v>
      </c>
      <c r="F67" s="25">
        <v>89.5</v>
      </c>
      <c r="G67" s="26">
        <v>7.5</v>
      </c>
    </row>
    <row r="68" spans="2:7" x14ac:dyDescent="0.2">
      <c r="B68" s="29"/>
      <c r="C68" s="2" t="s">
        <v>58</v>
      </c>
      <c r="D68" s="19">
        <v>57</v>
      </c>
      <c r="E68" s="20">
        <v>3</v>
      </c>
      <c r="F68" s="21">
        <v>48</v>
      </c>
      <c r="G68" s="22">
        <v>6</v>
      </c>
    </row>
    <row r="69" spans="2:7" x14ac:dyDescent="0.2">
      <c r="B69" s="29"/>
      <c r="C69" s="7"/>
      <c r="D69" s="23">
        <v>100</v>
      </c>
      <c r="E69" s="24">
        <v>5.3</v>
      </c>
      <c r="F69" s="25">
        <v>84.2</v>
      </c>
      <c r="G69" s="26">
        <v>10.5</v>
      </c>
    </row>
    <row r="70" spans="2:7" x14ac:dyDescent="0.2">
      <c r="B70" s="29"/>
      <c r="C70" s="2" t="s">
        <v>68</v>
      </c>
      <c r="D70" s="19">
        <v>65</v>
      </c>
      <c r="E70" s="20">
        <v>9</v>
      </c>
      <c r="F70" s="21">
        <v>48</v>
      </c>
      <c r="G70" s="22">
        <v>8</v>
      </c>
    </row>
    <row r="71" spans="2:7" x14ac:dyDescent="0.2">
      <c r="B71" s="29"/>
      <c r="C71" s="7"/>
      <c r="D71" s="23">
        <v>100</v>
      </c>
      <c r="E71" s="24">
        <v>13.8</v>
      </c>
      <c r="F71" s="25">
        <v>73.8</v>
      </c>
      <c r="G71" s="26">
        <v>12.3</v>
      </c>
    </row>
    <row r="72" spans="2:7" x14ac:dyDescent="0.2">
      <c r="B72" s="29"/>
      <c r="C72" s="2" t="s">
        <v>59</v>
      </c>
      <c r="D72" s="19">
        <v>1</v>
      </c>
      <c r="E72" s="20" t="s">
        <v>152</v>
      </c>
      <c r="F72" s="21">
        <v>1</v>
      </c>
      <c r="G72" s="22" t="s">
        <v>152</v>
      </c>
    </row>
    <row r="73" spans="2:7" x14ac:dyDescent="0.2">
      <c r="B73" s="29"/>
      <c r="C73" s="7"/>
      <c r="D73" s="23">
        <v>100</v>
      </c>
      <c r="E73" s="24" t="s">
        <v>152</v>
      </c>
      <c r="F73" s="25">
        <v>100</v>
      </c>
      <c r="G73" s="26" t="s">
        <v>152</v>
      </c>
    </row>
    <row r="74" spans="2:7" x14ac:dyDescent="0.2">
      <c r="B74" s="29"/>
      <c r="C74" s="2" t="s">
        <v>69</v>
      </c>
      <c r="D74" s="19">
        <v>29</v>
      </c>
      <c r="E74" s="20">
        <v>5</v>
      </c>
      <c r="F74" s="21">
        <v>24</v>
      </c>
      <c r="G74" s="22" t="s">
        <v>152</v>
      </c>
    </row>
    <row r="75" spans="2:7" x14ac:dyDescent="0.2">
      <c r="B75" s="29"/>
      <c r="C75" s="7"/>
      <c r="D75" s="23">
        <v>100</v>
      </c>
      <c r="E75" s="24">
        <v>17.2</v>
      </c>
      <c r="F75" s="25">
        <v>82.8</v>
      </c>
      <c r="G75" s="26" t="s">
        <v>152</v>
      </c>
    </row>
    <row r="76" spans="2:7" x14ac:dyDescent="0.2">
      <c r="B76" s="29"/>
      <c r="C76" s="2" t="s">
        <v>149</v>
      </c>
      <c r="D76" s="19">
        <v>30</v>
      </c>
      <c r="E76" s="20">
        <v>5</v>
      </c>
      <c r="F76" s="21">
        <v>25</v>
      </c>
      <c r="G76" s="22" t="s">
        <v>152</v>
      </c>
    </row>
    <row r="77" spans="2:7" x14ac:dyDescent="0.2">
      <c r="B77" s="29"/>
      <c r="C77" s="7"/>
      <c r="D77" s="23">
        <v>100</v>
      </c>
      <c r="E77" s="24">
        <v>16.666666666666664</v>
      </c>
      <c r="F77" s="25">
        <v>83.333333333333343</v>
      </c>
      <c r="G77" s="26" t="s">
        <v>152</v>
      </c>
    </row>
    <row r="78" spans="2:7" x14ac:dyDescent="0.2">
      <c r="B78" s="29"/>
      <c r="C78" s="2" t="s">
        <v>70</v>
      </c>
      <c r="D78" s="19">
        <v>64</v>
      </c>
      <c r="E78" s="20">
        <v>13</v>
      </c>
      <c r="F78" s="21">
        <v>49</v>
      </c>
      <c r="G78" s="22">
        <v>2</v>
      </c>
    </row>
    <row r="79" spans="2:7" x14ac:dyDescent="0.2">
      <c r="B79" s="29"/>
      <c r="C79" s="7"/>
      <c r="D79" s="23">
        <v>100</v>
      </c>
      <c r="E79" s="24">
        <v>20.3</v>
      </c>
      <c r="F79" s="25">
        <v>76.599999999999994</v>
      </c>
      <c r="G79" s="26">
        <v>3.1</v>
      </c>
    </row>
    <row r="80" spans="2:7" x14ac:dyDescent="0.2">
      <c r="B80" s="29"/>
      <c r="C80" s="2" t="s">
        <v>71</v>
      </c>
      <c r="D80" s="19">
        <v>112</v>
      </c>
      <c r="E80" s="20">
        <v>10</v>
      </c>
      <c r="F80" s="21">
        <v>93</v>
      </c>
      <c r="G80" s="22">
        <v>9</v>
      </c>
    </row>
    <row r="81" spans="2:7" x14ac:dyDescent="0.2">
      <c r="B81" s="29"/>
      <c r="C81" s="7"/>
      <c r="D81" s="23">
        <v>100</v>
      </c>
      <c r="E81" s="24">
        <v>8.9</v>
      </c>
      <c r="F81" s="25">
        <v>83</v>
      </c>
      <c r="G81" s="26">
        <v>8</v>
      </c>
    </row>
    <row r="82" spans="2:7" x14ac:dyDescent="0.2">
      <c r="B82" s="29"/>
      <c r="C82" s="2" t="s">
        <v>72</v>
      </c>
      <c r="D82" s="19">
        <v>137</v>
      </c>
      <c r="E82" s="20">
        <v>16</v>
      </c>
      <c r="F82" s="21">
        <v>117</v>
      </c>
      <c r="G82" s="22">
        <v>4</v>
      </c>
    </row>
    <row r="83" spans="2:7" x14ac:dyDescent="0.2">
      <c r="B83" s="29"/>
      <c r="C83" s="7"/>
      <c r="D83" s="23">
        <v>100</v>
      </c>
      <c r="E83" s="24">
        <v>11.7</v>
      </c>
      <c r="F83" s="25">
        <v>85.4</v>
      </c>
      <c r="G83" s="26">
        <v>2.9</v>
      </c>
    </row>
    <row r="84" spans="2:7" x14ac:dyDescent="0.2">
      <c r="B84" s="29"/>
      <c r="C84" s="2" t="s">
        <v>73</v>
      </c>
      <c r="D84" s="19">
        <v>112</v>
      </c>
      <c r="E84" s="20">
        <v>10</v>
      </c>
      <c r="F84" s="21">
        <v>89</v>
      </c>
      <c r="G84" s="22">
        <v>13</v>
      </c>
    </row>
    <row r="85" spans="2:7" x14ac:dyDescent="0.2">
      <c r="B85" s="29"/>
      <c r="C85" s="7"/>
      <c r="D85" s="23">
        <v>100</v>
      </c>
      <c r="E85" s="24">
        <v>8.9</v>
      </c>
      <c r="F85" s="25">
        <v>79.5</v>
      </c>
      <c r="G85" s="26">
        <v>11.6</v>
      </c>
    </row>
    <row r="86" spans="2:7" x14ac:dyDescent="0.2">
      <c r="B86" s="29"/>
      <c r="C86" s="2" t="s">
        <v>60</v>
      </c>
      <c r="D86" s="19">
        <v>66</v>
      </c>
      <c r="E86" s="20">
        <v>15</v>
      </c>
      <c r="F86" s="21">
        <v>42</v>
      </c>
      <c r="G86" s="22">
        <v>9</v>
      </c>
    </row>
    <row r="87" spans="2:7" x14ac:dyDescent="0.2">
      <c r="B87" s="29"/>
      <c r="C87" s="7"/>
      <c r="D87" s="23">
        <v>100</v>
      </c>
      <c r="E87" s="24">
        <v>22.7</v>
      </c>
      <c r="F87" s="25">
        <v>63.6</v>
      </c>
      <c r="G87" s="26">
        <v>13.6</v>
      </c>
    </row>
    <row r="88" spans="2:7" x14ac:dyDescent="0.2">
      <c r="B88" s="29"/>
      <c r="C88" s="2" t="s">
        <v>74</v>
      </c>
      <c r="D88" s="19">
        <v>83</v>
      </c>
      <c r="E88" s="20">
        <v>18</v>
      </c>
      <c r="F88" s="21">
        <v>50</v>
      </c>
      <c r="G88" s="22">
        <v>15</v>
      </c>
    </row>
    <row r="89" spans="2:7" x14ac:dyDescent="0.2">
      <c r="B89" s="29"/>
      <c r="C89" s="7"/>
      <c r="D89" s="23">
        <v>100</v>
      </c>
      <c r="E89" s="24">
        <v>21.7</v>
      </c>
      <c r="F89" s="25">
        <v>60.2</v>
      </c>
      <c r="G89" s="26">
        <v>18.100000000000001</v>
      </c>
    </row>
    <row r="90" spans="2:7" x14ac:dyDescent="0.2">
      <c r="B90" s="29"/>
      <c r="C90" s="2" t="s">
        <v>0</v>
      </c>
      <c r="D90" s="19">
        <v>75</v>
      </c>
      <c r="E90" s="20">
        <v>10</v>
      </c>
      <c r="F90" s="21">
        <v>54</v>
      </c>
      <c r="G90" s="22">
        <v>11</v>
      </c>
    </row>
    <row r="91" spans="2:7" x14ac:dyDescent="0.2">
      <c r="B91" s="29"/>
      <c r="C91" s="7"/>
      <c r="D91" s="23">
        <v>100</v>
      </c>
      <c r="E91" s="24">
        <v>13.3</v>
      </c>
      <c r="F91" s="25">
        <v>72</v>
      </c>
      <c r="G91" s="26">
        <v>14.7</v>
      </c>
    </row>
    <row r="92" spans="2:7" x14ac:dyDescent="0.2">
      <c r="B92" s="28" t="s">
        <v>32</v>
      </c>
      <c r="C92" s="9" t="s">
        <v>12</v>
      </c>
      <c r="D92" s="11">
        <v>1241</v>
      </c>
      <c r="E92" s="12">
        <v>151</v>
      </c>
      <c r="F92" s="13">
        <v>992</v>
      </c>
      <c r="G92" s="14">
        <v>98</v>
      </c>
    </row>
    <row r="93" spans="2:7" x14ac:dyDescent="0.2">
      <c r="B93" s="29"/>
      <c r="C93" s="8"/>
      <c r="D93" s="15">
        <v>100</v>
      </c>
      <c r="E93" s="16">
        <v>12.2</v>
      </c>
      <c r="F93" s="17">
        <v>79.900000000000006</v>
      </c>
      <c r="G93" s="18">
        <v>7.9</v>
      </c>
    </row>
    <row r="94" spans="2:7" x14ac:dyDescent="0.2">
      <c r="B94" s="29"/>
      <c r="C94" s="2" t="s">
        <v>21</v>
      </c>
      <c r="D94" s="19">
        <v>65</v>
      </c>
      <c r="E94" s="20">
        <v>7</v>
      </c>
      <c r="F94" s="21">
        <v>52</v>
      </c>
      <c r="G94" s="22">
        <v>6</v>
      </c>
    </row>
    <row r="95" spans="2:7" x14ac:dyDescent="0.2">
      <c r="B95" s="29"/>
      <c r="C95" s="7"/>
      <c r="D95" s="23">
        <v>100</v>
      </c>
      <c r="E95" s="24">
        <v>10.8</v>
      </c>
      <c r="F95" s="25">
        <v>80</v>
      </c>
      <c r="G95" s="26">
        <v>9.1999999999999993</v>
      </c>
    </row>
    <row r="96" spans="2:7" x14ac:dyDescent="0.2">
      <c r="B96" s="29"/>
      <c r="C96" s="2" t="s">
        <v>20</v>
      </c>
      <c r="D96" s="19">
        <v>7</v>
      </c>
      <c r="E96" s="20" t="s">
        <v>152</v>
      </c>
      <c r="F96" s="21">
        <v>6</v>
      </c>
      <c r="G96" s="22">
        <v>1</v>
      </c>
    </row>
    <row r="97" spans="2:7" x14ac:dyDescent="0.2">
      <c r="B97" s="29"/>
      <c r="C97" s="7"/>
      <c r="D97" s="23">
        <v>100</v>
      </c>
      <c r="E97" s="24" t="s">
        <v>152</v>
      </c>
      <c r="F97" s="25">
        <v>85.7</v>
      </c>
      <c r="G97" s="26">
        <v>14.3</v>
      </c>
    </row>
    <row r="98" spans="2:7" x14ac:dyDescent="0.2">
      <c r="B98" s="29"/>
      <c r="C98" s="2" t="s">
        <v>19</v>
      </c>
      <c r="D98" s="19">
        <v>484</v>
      </c>
      <c r="E98" s="20">
        <v>51</v>
      </c>
      <c r="F98" s="21">
        <v>416</v>
      </c>
      <c r="G98" s="22">
        <v>17</v>
      </c>
    </row>
    <row r="99" spans="2:7" x14ac:dyDescent="0.2">
      <c r="B99" s="29"/>
      <c r="C99" s="7"/>
      <c r="D99" s="23">
        <v>100</v>
      </c>
      <c r="E99" s="24">
        <v>10.5</v>
      </c>
      <c r="F99" s="25">
        <v>86</v>
      </c>
      <c r="G99" s="26">
        <v>3.5</v>
      </c>
    </row>
    <row r="100" spans="2:7" x14ac:dyDescent="0.2">
      <c r="B100" s="29"/>
      <c r="C100" s="2" t="s">
        <v>18</v>
      </c>
      <c r="D100" s="19">
        <v>195</v>
      </c>
      <c r="E100" s="20">
        <v>16</v>
      </c>
      <c r="F100" s="21">
        <v>164</v>
      </c>
      <c r="G100" s="22">
        <v>15</v>
      </c>
    </row>
    <row r="101" spans="2:7" x14ac:dyDescent="0.2">
      <c r="B101" s="29"/>
      <c r="C101" s="7"/>
      <c r="D101" s="23">
        <v>100</v>
      </c>
      <c r="E101" s="24">
        <v>8.1999999999999993</v>
      </c>
      <c r="F101" s="25">
        <v>84.1</v>
      </c>
      <c r="G101" s="26">
        <v>7.7</v>
      </c>
    </row>
    <row r="102" spans="2:7" x14ac:dyDescent="0.2">
      <c r="B102" s="29"/>
      <c r="C102" s="2" t="s">
        <v>17</v>
      </c>
      <c r="D102" s="19">
        <v>1</v>
      </c>
      <c r="E102" s="20" t="s">
        <v>152</v>
      </c>
      <c r="F102" s="21">
        <v>1</v>
      </c>
      <c r="G102" s="22" t="s">
        <v>152</v>
      </c>
    </row>
    <row r="103" spans="2:7" x14ac:dyDescent="0.2">
      <c r="B103" s="29"/>
      <c r="C103" s="7"/>
      <c r="D103" s="23">
        <v>100</v>
      </c>
      <c r="E103" s="24" t="s">
        <v>152</v>
      </c>
      <c r="F103" s="25">
        <v>100</v>
      </c>
      <c r="G103" s="26" t="s">
        <v>152</v>
      </c>
    </row>
    <row r="104" spans="2:7" x14ac:dyDescent="0.2">
      <c r="B104" s="29"/>
      <c r="C104" s="2" t="s">
        <v>151</v>
      </c>
      <c r="D104" s="19">
        <v>178</v>
      </c>
      <c r="E104" s="20">
        <v>31</v>
      </c>
      <c r="F104" s="21">
        <v>127</v>
      </c>
      <c r="G104" s="22">
        <v>20</v>
      </c>
    </row>
    <row r="105" spans="2:7" x14ac:dyDescent="0.2">
      <c r="B105" s="29"/>
      <c r="C105" s="7"/>
      <c r="D105" s="23">
        <v>100</v>
      </c>
      <c r="E105" s="24">
        <v>17.399999999999999</v>
      </c>
      <c r="F105" s="25">
        <v>71.3</v>
      </c>
      <c r="G105" s="26">
        <v>11.2</v>
      </c>
    </row>
    <row r="106" spans="2:7" x14ac:dyDescent="0.2">
      <c r="B106" s="29"/>
      <c r="C106" s="2" t="s">
        <v>16</v>
      </c>
      <c r="D106" s="19">
        <v>10</v>
      </c>
      <c r="E106" s="20">
        <v>3</v>
      </c>
      <c r="F106" s="21">
        <v>7</v>
      </c>
      <c r="G106" s="22" t="s">
        <v>152</v>
      </c>
    </row>
    <row r="107" spans="2:7" x14ac:dyDescent="0.2">
      <c r="B107" s="29"/>
      <c r="C107" s="7"/>
      <c r="D107" s="23">
        <v>100</v>
      </c>
      <c r="E107" s="24">
        <v>30</v>
      </c>
      <c r="F107" s="25">
        <v>70</v>
      </c>
      <c r="G107" s="26" t="s">
        <v>152</v>
      </c>
    </row>
    <row r="108" spans="2:7" x14ac:dyDescent="0.2">
      <c r="B108" s="29"/>
      <c r="C108" s="2" t="s">
        <v>15</v>
      </c>
      <c r="D108" s="19">
        <v>211</v>
      </c>
      <c r="E108" s="20">
        <v>30</v>
      </c>
      <c r="F108" s="21">
        <v>157</v>
      </c>
      <c r="G108" s="22">
        <v>24</v>
      </c>
    </row>
    <row r="109" spans="2:7" x14ac:dyDescent="0.2">
      <c r="B109" s="29"/>
      <c r="C109" s="7"/>
      <c r="D109" s="23">
        <v>100</v>
      </c>
      <c r="E109" s="24">
        <v>14.2</v>
      </c>
      <c r="F109" s="25">
        <v>74.400000000000006</v>
      </c>
      <c r="G109" s="26">
        <v>11.4</v>
      </c>
    </row>
    <row r="110" spans="2:7" x14ac:dyDescent="0.2">
      <c r="B110" s="29"/>
      <c r="C110" s="2" t="s">
        <v>14</v>
      </c>
      <c r="D110" s="19">
        <v>12</v>
      </c>
      <c r="E110" s="20">
        <v>2</v>
      </c>
      <c r="F110" s="21">
        <v>9</v>
      </c>
      <c r="G110" s="22">
        <v>1</v>
      </c>
    </row>
    <row r="111" spans="2:7" x14ac:dyDescent="0.2">
      <c r="B111" s="29"/>
      <c r="C111" s="7"/>
      <c r="D111" s="23">
        <v>100</v>
      </c>
      <c r="E111" s="24">
        <v>16.7</v>
      </c>
      <c r="F111" s="25">
        <v>75</v>
      </c>
      <c r="G111" s="26">
        <v>8.3000000000000007</v>
      </c>
    </row>
    <row r="112" spans="2:7" x14ac:dyDescent="0.2">
      <c r="B112" s="29"/>
      <c r="C112" s="2" t="s">
        <v>13</v>
      </c>
      <c r="D112" s="19">
        <v>78</v>
      </c>
      <c r="E112" s="20">
        <v>11</v>
      </c>
      <c r="F112" s="21">
        <v>53</v>
      </c>
      <c r="G112" s="22">
        <v>14</v>
      </c>
    </row>
    <row r="113" spans="2:7" x14ac:dyDescent="0.2">
      <c r="B113" s="30"/>
      <c r="C113" s="10"/>
      <c r="D113" s="15">
        <v>100</v>
      </c>
      <c r="E113" s="16">
        <v>14.1</v>
      </c>
      <c r="F113" s="17">
        <v>67.900000000000006</v>
      </c>
      <c r="G113" s="18">
        <v>17.899999999999999</v>
      </c>
    </row>
    <row r="114" spans="2:7" x14ac:dyDescent="0.2">
      <c r="B114" s="28" t="s">
        <v>31</v>
      </c>
      <c r="C114" s="9" t="s">
        <v>12</v>
      </c>
      <c r="D114" s="11">
        <v>752</v>
      </c>
      <c r="E114" s="12">
        <v>74</v>
      </c>
      <c r="F114" s="13">
        <v>639</v>
      </c>
      <c r="G114" s="14">
        <v>39</v>
      </c>
    </row>
    <row r="115" spans="2:7" x14ac:dyDescent="0.2">
      <c r="B115" s="29"/>
      <c r="C115" s="8"/>
      <c r="D115" s="15">
        <v>100</v>
      </c>
      <c r="E115" s="16">
        <v>9.8000000000000007</v>
      </c>
      <c r="F115" s="17">
        <v>85</v>
      </c>
      <c r="G115" s="18">
        <v>5.2</v>
      </c>
    </row>
    <row r="116" spans="2:7" x14ac:dyDescent="0.2">
      <c r="B116" s="29"/>
      <c r="C116" s="2" t="s">
        <v>11</v>
      </c>
      <c r="D116" s="19">
        <v>2</v>
      </c>
      <c r="E116" s="20">
        <v>1</v>
      </c>
      <c r="F116" s="21">
        <v>1</v>
      </c>
      <c r="G116" s="22" t="s">
        <v>152</v>
      </c>
    </row>
    <row r="117" spans="2:7" x14ac:dyDescent="0.2">
      <c r="B117" s="29"/>
      <c r="C117" s="7"/>
      <c r="D117" s="23">
        <v>100</v>
      </c>
      <c r="E117" s="24">
        <v>50</v>
      </c>
      <c r="F117" s="25">
        <v>50</v>
      </c>
      <c r="G117" s="26" t="s">
        <v>152</v>
      </c>
    </row>
    <row r="118" spans="2:7" x14ac:dyDescent="0.2">
      <c r="B118" s="29"/>
      <c r="C118" s="2" t="s">
        <v>10</v>
      </c>
      <c r="D118" s="19">
        <v>32</v>
      </c>
      <c r="E118" s="20">
        <v>3</v>
      </c>
      <c r="F118" s="21">
        <v>26</v>
      </c>
      <c r="G118" s="22">
        <v>3</v>
      </c>
    </row>
    <row r="119" spans="2:7" x14ac:dyDescent="0.2">
      <c r="B119" s="29"/>
      <c r="C119" s="7"/>
      <c r="D119" s="23">
        <v>100</v>
      </c>
      <c r="E119" s="24">
        <v>9.4</v>
      </c>
      <c r="F119" s="25">
        <v>81.3</v>
      </c>
      <c r="G119" s="26">
        <v>9.4</v>
      </c>
    </row>
    <row r="120" spans="2:7" x14ac:dyDescent="0.2">
      <c r="B120" s="29"/>
      <c r="C120" s="2" t="s">
        <v>9</v>
      </c>
      <c r="D120" s="19">
        <v>33</v>
      </c>
      <c r="E120" s="20">
        <v>3</v>
      </c>
      <c r="F120" s="21">
        <v>27</v>
      </c>
      <c r="G120" s="22">
        <v>3</v>
      </c>
    </row>
    <row r="121" spans="2:7" x14ac:dyDescent="0.2">
      <c r="B121" s="29"/>
      <c r="C121" s="7"/>
      <c r="D121" s="23">
        <v>100</v>
      </c>
      <c r="E121" s="24">
        <v>9.1</v>
      </c>
      <c r="F121" s="25">
        <v>81.8</v>
      </c>
      <c r="G121" s="26">
        <v>9.1</v>
      </c>
    </row>
    <row r="122" spans="2:7" x14ac:dyDescent="0.2">
      <c r="B122" s="29"/>
      <c r="C122" s="2" t="s">
        <v>8</v>
      </c>
      <c r="D122" s="19">
        <v>71</v>
      </c>
      <c r="E122" s="20">
        <v>10</v>
      </c>
      <c r="F122" s="21">
        <v>60</v>
      </c>
      <c r="G122" s="22">
        <v>1</v>
      </c>
    </row>
    <row r="123" spans="2:7" x14ac:dyDescent="0.2">
      <c r="B123" s="29"/>
      <c r="C123" s="7"/>
      <c r="D123" s="23">
        <v>100</v>
      </c>
      <c r="E123" s="24">
        <v>14.1</v>
      </c>
      <c r="F123" s="25">
        <v>84.5</v>
      </c>
      <c r="G123" s="26">
        <v>1.4</v>
      </c>
    </row>
    <row r="124" spans="2:7" x14ac:dyDescent="0.2">
      <c r="B124" s="29"/>
      <c r="C124" s="2" t="s">
        <v>7</v>
      </c>
      <c r="D124" s="19">
        <v>152</v>
      </c>
      <c r="E124" s="20">
        <v>15</v>
      </c>
      <c r="F124" s="21">
        <v>131</v>
      </c>
      <c r="G124" s="22">
        <v>6</v>
      </c>
    </row>
    <row r="125" spans="2:7" x14ac:dyDescent="0.2">
      <c r="B125" s="29"/>
      <c r="C125" s="7"/>
      <c r="D125" s="23">
        <v>100</v>
      </c>
      <c r="E125" s="24">
        <v>9.9</v>
      </c>
      <c r="F125" s="25">
        <v>86.2</v>
      </c>
      <c r="G125" s="26">
        <v>3.9</v>
      </c>
    </row>
    <row r="126" spans="2:7" x14ac:dyDescent="0.2">
      <c r="B126" s="29"/>
      <c r="C126" s="2" t="s">
        <v>6</v>
      </c>
      <c r="D126" s="19">
        <v>176</v>
      </c>
      <c r="E126" s="20">
        <v>14</v>
      </c>
      <c r="F126" s="21">
        <v>152</v>
      </c>
      <c r="G126" s="22">
        <v>10</v>
      </c>
    </row>
    <row r="127" spans="2:7" x14ac:dyDescent="0.2">
      <c r="B127" s="29"/>
      <c r="C127" s="7"/>
      <c r="D127" s="23">
        <v>100</v>
      </c>
      <c r="E127" s="24">
        <v>8</v>
      </c>
      <c r="F127" s="25">
        <v>86.4</v>
      </c>
      <c r="G127" s="26">
        <v>5.7</v>
      </c>
    </row>
    <row r="128" spans="2:7" x14ac:dyDescent="0.2">
      <c r="B128" s="29"/>
      <c r="C128" s="2" t="s">
        <v>5</v>
      </c>
      <c r="D128" s="19">
        <v>37</v>
      </c>
      <c r="E128" s="20">
        <v>5</v>
      </c>
      <c r="F128" s="21">
        <v>31</v>
      </c>
      <c r="G128" s="22">
        <v>1</v>
      </c>
    </row>
    <row r="129" spans="2:7" x14ac:dyDescent="0.2">
      <c r="B129" s="29"/>
      <c r="C129" s="7"/>
      <c r="D129" s="23">
        <v>100</v>
      </c>
      <c r="E129" s="24">
        <v>13.5</v>
      </c>
      <c r="F129" s="25">
        <v>83.8</v>
      </c>
      <c r="G129" s="26">
        <v>2.7</v>
      </c>
    </row>
    <row r="130" spans="2:7" x14ac:dyDescent="0.2">
      <c r="B130" s="29"/>
      <c r="C130" s="2" t="s">
        <v>4</v>
      </c>
      <c r="D130" s="19">
        <v>67</v>
      </c>
      <c r="E130" s="20">
        <v>9</v>
      </c>
      <c r="F130" s="21">
        <v>58</v>
      </c>
      <c r="G130" s="22" t="s">
        <v>152</v>
      </c>
    </row>
    <row r="131" spans="2:7" x14ac:dyDescent="0.2">
      <c r="B131" s="29"/>
      <c r="C131" s="7"/>
      <c r="D131" s="23">
        <v>100</v>
      </c>
      <c r="E131" s="24">
        <v>13.4</v>
      </c>
      <c r="F131" s="25">
        <v>86.6</v>
      </c>
      <c r="G131" s="26" t="s">
        <v>152</v>
      </c>
    </row>
    <row r="132" spans="2:7" x14ac:dyDescent="0.2">
      <c r="B132" s="29"/>
      <c r="C132" s="2" t="s">
        <v>3</v>
      </c>
      <c r="D132" s="19">
        <v>159</v>
      </c>
      <c r="E132" s="20">
        <v>13</v>
      </c>
      <c r="F132" s="21">
        <v>135</v>
      </c>
      <c r="G132" s="22">
        <v>11</v>
      </c>
    </row>
    <row r="133" spans="2:7" x14ac:dyDescent="0.2">
      <c r="B133" s="29"/>
      <c r="C133" s="7"/>
      <c r="D133" s="23">
        <v>100</v>
      </c>
      <c r="E133" s="24">
        <v>8.1999999999999993</v>
      </c>
      <c r="F133" s="25">
        <v>84.9</v>
      </c>
      <c r="G133" s="26">
        <v>6.9</v>
      </c>
    </row>
    <row r="134" spans="2:7" x14ac:dyDescent="0.2">
      <c r="B134" s="29"/>
      <c r="C134" s="2" t="s">
        <v>2</v>
      </c>
      <c r="D134" s="19">
        <v>23</v>
      </c>
      <c r="E134" s="20">
        <v>1</v>
      </c>
      <c r="F134" s="21">
        <v>18</v>
      </c>
      <c r="G134" s="22">
        <v>4</v>
      </c>
    </row>
    <row r="135" spans="2:7" x14ac:dyDescent="0.2">
      <c r="B135" s="30"/>
      <c r="C135" s="10"/>
      <c r="D135" s="15">
        <v>100</v>
      </c>
      <c r="E135" s="16">
        <v>4.3</v>
      </c>
      <c r="F135" s="17">
        <v>78.3</v>
      </c>
      <c r="G135" s="18">
        <v>17.399999999999999</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83</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551</v>
      </c>
      <c r="F4" s="13">
        <v>629</v>
      </c>
      <c r="G4" s="14">
        <v>61</v>
      </c>
    </row>
    <row r="5" spans="2:7" x14ac:dyDescent="0.2">
      <c r="B5" s="29"/>
      <c r="C5" s="8"/>
      <c r="D5" s="15">
        <v>100</v>
      </c>
      <c r="E5" s="16">
        <v>44.4</v>
      </c>
      <c r="F5" s="17">
        <v>50.7</v>
      </c>
      <c r="G5" s="18">
        <v>4.9000000000000004</v>
      </c>
    </row>
    <row r="6" spans="2:7" x14ac:dyDescent="0.2">
      <c r="B6" s="29"/>
      <c r="C6" s="2" t="s">
        <v>30</v>
      </c>
      <c r="D6" s="19">
        <v>499</v>
      </c>
      <c r="E6" s="20">
        <v>231</v>
      </c>
      <c r="F6" s="21">
        <v>246</v>
      </c>
      <c r="G6" s="22">
        <v>22</v>
      </c>
    </row>
    <row r="7" spans="2:7" x14ac:dyDescent="0.2">
      <c r="B7" s="29"/>
      <c r="C7" s="7"/>
      <c r="D7" s="23">
        <v>100</v>
      </c>
      <c r="E7" s="24">
        <v>46.3</v>
      </c>
      <c r="F7" s="25">
        <v>49.3</v>
      </c>
      <c r="G7" s="26">
        <v>4.4000000000000004</v>
      </c>
    </row>
    <row r="8" spans="2:7" x14ac:dyDescent="0.2">
      <c r="B8" s="29"/>
      <c r="C8" s="2" t="s">
        <v>29</v>
      </c>
      <c r="D8" s="19">
        <v>150</v>
      </c>
      <c r="E8" s="20">
        <v>63</v>
      </c>
      <c r="F8" s="21">
        <v>79</v>
      </c>
      <c r="G8" s="22">
        <v>8</v>
      </c>
    </row>
    <row r="9" spans="2:7" x14ac:dyDescent="0.2">
      <c r="B9" s="29"/>
      <c r="C9" s="7"/>
      <c r="D9" s="23">
        <v>100</v>
      </c>
      <c r="E9" s="24">
        <v>42</v>
      </c>
      <c r="F9" s="25">
        <v>52.7</v>
      </c>
      <c r="G9" s="26">
        <v>5.3</v>
      </c>
    </row>
    <row r="10" spans="2:7" x14ac:dyDescent="0.2">
      <c r="B10" s="29"/>
      <c r="C10" s="2" t="s">
        <v>28</v>
      </c>
      <c r="D10" s="19">
        <v>82</v>
      </c>
      <c r="E10" s="20">
        <v>38</v>
      </c>
      <c r="F10" s="21">
        <v>40</v>
      </c>
      <c r="G10" s="22">
        <v>4</v>
      </c>
    </row>
    <row r="11" spans="2:7" x14ac:dyDescent="0.2">
      <c r="B11" s="29"/>
      <c r="C11" s="7"/>
      <c r="D11" s="23">
        <v>100</v>
      </c>
      <c r="E11" s="24">
        <v>46.3</v>
      </c>
      <c r="F11" s="25">
        <v>48.8</v>
      </c>
      <c r="G11" s="26">
        <v>4.9000000000000004</v>
      </c>
    </row>
    <row r="12" spans="2:7" x14ac:dyDescent="0.2">
      <c r="B12" s="29"/>
      <c r="C12" s="2" t="s">
        <v>27</v>
      </c>
      <c r="D12" s="19">
        <v>92</v>
      </c>
      <c r="E12" s="20">
        <v>44</v>
      </c>
      <c r="F12" s="21">
        <v>41</v>
      </c>
      <c r="G12" s="22">
        <v>7</v>
      </c>
    </row>
    <row r="13" spans="2:7" x14ac:dyDescent="0.2">
      <c r="B13" s="29"/>
      <c r="C13" s="7"/>
      <c r="D13" s="23">
        <v>100</v>
      </c>
      <c r="E13" s="24">
        <v>47.8</v>
      </c>
      <c r="F13" s="25">
        <v>44.6</v>
      </c>
      <c r="G13" s="26">
        <v>7.6</v>
      </c>
    </row>
    <row r="14" spans="2:7" x14ac:dyDescent="0.2">
      <c r="B14" s="29"/>
      <c r="C14" s="2" t="s">
        <v>26</v>
      </c>
      <c r="D14" s="19">
        <v>112</v>
      </c>
      <c r="E14" s="20">
        <v>48</v>
      </c>
      <c r="F14" s="21">
        <v>61</v>
      </c>
      <c r="G14" s="22">
        <v>3</v>
      </c>
    </row>
    <row r="15" spans="2:7" x14ac:dyDescent="0.2">
      <c r="B15" s="29"/>
      <c r="C15" s="7"/>
      <c r="D15" s="23">
        <v>100</v>
      </c>
      <c r="E15" s="24">
        <v>42.9</v>
      </c>
      <c r="F15" s="25">
        <v>54.5</v>
      </c>
      <c r="G15" s="26">
        <v>2.7</v>
      </c>
    </row>
    <row r="16" spans="2:7" x14ac:dyDescent="0.2">
      <c r="B16" s="29"/>
      <c r="C16" s="2" t="s">
        <v>25</v>
      </c>
      <c r="D16" s="19">
        <v>188</v>
      </c>
      <c r="E16" s="20">
        <v>79</v>
      </c>
      <c r="F16" s="21">
        <v>103</v>
      </c>
      <c r="G16" s="22">
        <v>6</v>
      </c>
    </row>
    <row r="17" spans="2:7" x14ac:dyDescent="0.2">
      <c r="B17" s="29"/>
      <c r="C17" s="7"/>
      <c r="D17" s="23">
        <v>100</v>
      </c>
      <c r="E17" s="24">
        <v>42</v>
      </c>
      <c r="F17" s="25">
        <v>54.8</v>
      </c>
      <c r="G17" s="26">
        <v>3.2</v>
      </c>
    </row>
    <row r="18" spans="2:7" x14ac:dyDescent="0.2">
      <c r="B18" s="29"/>
      <c r="C18" s="2" t="s">
        <v>24</v>
      </c>
      <c r="D18" s="19">
        <v>60</v>
      </c>
      <c r="E18" s="20">
        <v>25</v>
      </c>
      <c r="F18" s="21">
        <v>31</v>
      </c>
      <c r="G18" s="22">
        <v>4</v>
      </c>
    </row>
    <row r="19" spans="2:7" x14ac:dyDescent="0.2">
      <c r="B19" s="29"/>
      <c r="C19" s="7"/>
      <c r="D19" s="23">
        <v>100</v>
      </c>
      <c r="E19" s="24">
        <v>41.7</v>
      </c>
      <c r="F19" s="25">
        <v>51.7</v>
      </c>
      <c r="G19" s="26">
        <v>6.7</v>
      </c>
    </row>
    <row r="20" spans="2:7" x14ac:dyDescent="0.2">
      <c r="B20" s="29"/>
      <c r="C20" s="2" t="s">
        <v>13</v>
      </c>
      <c r="D20" s="19">
        <v>58</v>
      </c>
      <c r="E20" s="20">
        <v>23</v>
      </c>
      <c r="F20" s="21">
        <v>28</v>
      </c>
      <c r="G20" s="22">
        <v>7</v>
      </c>
    </row>
    <row r="21" spans="2:7" x14ac:dyDescent="0.2">
      <c r="B21" s="30"/>
      <c r="C21" s="10"/>
      <c r="D21" s="15">
        <v>100</v>
      </c>
      <c r="E21" s="16">
        <v>39.700000000000003</v>
      </c>
      <c r="F21" s="17">
        <v>48.3</v>
      </c>
      <c r="G21" s="18">
        <v>12.1</v>
      </c>
    </row>
    <row r="22" spans="2:7" x14ac:dyDescent="0.2">
      <c r="B22" s="28" t="s">
        <v>35</v>
      </c>
      <c r="C22" s="9" t="s">
        <v>12</v>
      </c>
      <c r="D22" s="11">
        <v>1241</v>
      </c>
      <c r="E22" s="12">
        <v>551</v>
      </c>
      <c r="F22" s="13">
        <v>629</v>
      </c>
      <c r="G22" s="14">
        <v>61</v>
      </c>
    </row>
    <row r="23" spans="2:7" x14ac:dyDescent="0.2">
      <c r="B23" s="29"/>
      <c r="C23" s="8"/>
      <c r="D23" s="15">
        <v>100</v>
      </c>
      <c r="E23" s="16">
        <v>44.4</v>
      </c>
      <c r="F23" s="17">
        <v>50.7</v>
      </c>
      <c r="G23" s="18">
        <v>4.9000000000000004</v>
      </c>
    </row>
    <row r="24" spans="2:7" x14ac:dyDescent="0.2">
      <c r="B24" s="29"/>
      <c r="C24" s="2" t="s">
        <v>23</v>
      </c>
      <c r="D24" s="19">
        <v>563</v>
      </c>
      <c r="E24" s="20">
        <v>265</v>
      </c>
      <c r="F24" s="21">
        <v>279</v>
      </c>
      <c r="G24" s="22">
        <v>19</v>
      </c>
    </row>
    <row r="25" spans="2:7" x14ac:dyDescent="0.2">
      <c r="B25" s="29"/>
      <c r="C25" s="7"/>
      <c r="D25" s="23">
        <v>100</v>
      </c>
      <c r="E25" s="24">
        <v>47.1</v>
      </c>
      <c r="F25" s="25">
        <v>49.6</v>
      </c>
      <c r="G25" s="26">
        <v>3.4</v>
      </c>
    </row>
    <row r="26" spans="2:7" x14ac:dyDescent="0.2">
      <c r="B26" s="29"/>
      <c r="C26" s="2" t="s">
        <v>22</v>
      </c>
      <c r="D26" s="19">
        <v>607</v>
      </c>
      <c r="E26" s="20">
        <v>256</v>
      </c>
      <c r="F26" s="21">
        <v>316</v>
      </c>
      <c r="G26" s="22">
        <v>35</v>
      </c>
    </row>
    <row r="27" spans="2:7" x14ac:dyDescent="0.2">
      <c r="B27" s="29"/>
      <c r="C27" s="7"/>
      <c r="D27" s="23">
        <v>100</v>
      </c>
      <c r="E27" s="24">
        <v>42.2</v>
      </c>
      <c r="F27" s="25">
        <v>52.1</v>
      </c>
      <c r="G27" s="26">
        <v>5.8</v>
      </c>
    </row>
    <row r="28" spans="2:7" x14ac:dyDescent="0.2">
      <c r="B28" s="29"/>
      <c r="C28" s="2" t="s">
        <v>13</v>
      </c>
      <c r="D28" s="19">
        <v>71</v>
      </c>
      <c r="E28" s="20">
        <v>30</v>
      </c>
      <c r="F28" s="21">
        <v>34</v>
      </c>
      <c r="G28" s="22">
        <v>7</v>
      </c>
    </row>
    <row r="29" spans="2:7" x14ac:dyDescent="0.2">
      <c r="B29" s="30"/>
      <c r="C29" s="10"/>
      <c r="D29" s="15">
        <v>100</v>
      </c>
      <c r="E29" s="16">
        <v>42.3</v>
      </c>
      <c r="F29" s="17">
        <v>47.9</v>
      </c>
      <c r="G29" s="18">
        <v>9.9</v>
      </c>
    </row>
    <row r="30" spans="2:7" x14ac:dyDescent="0.2">
      <c r="B30" s="28" t="s">
        <v>34</v>
      </c>
      <c r="C30" s="9" t="s">
        <v>12</v>
      </c>
      <c r="D30" s="11">
        <v>1241</v>
      </c>
      <c r="E30" s="12">
        <v>551</v>
      </c>
      <c r="F30" s="13">
        <v>629</v>
      </c>
      <c r="G30" s="14">
        <v>61</v>
      </c>
    </row>
    <row r="31" spans="2:7" x14ac:dyDescent="0.2">
      <c r="B31" s="29"/>
      <c r="C31" s="8"/>
      <c r="D31" s="15">
        <v>100</v>
      </c>
      <c r="E31" s="16">
        <v>44.4</v>
      </c>
      <c r="F31" s="17">
        <v>50.7</v>
      </c>
      <c r="G31" s="18">
        <v>4.9000000000000004</v>
      </c>
    </row>
    <row r="32" spans="2:7" x14ac:dyDescent="0.2">
      <c r="B32" s="29"/>
      <c r="C32" s="2" t="s">
        <v>75</v>
      </c>
      <c r="D32" s="19">
        <v>3</v>
      </c>
      <c r="E32" s="20">
        <v>1</v>
      </c>
      <c r="F32" s="21">
        <v>2</v>
      </c>
      <c r="G32" s="22" t="s">
        <v>152</v>
      </c>
    </row>
    <row r="33" spans="2:7" x14ac:dyDescent="0.2">
      <c r="B33" s="29"/>
      <c r="C33" s="7"/>
      <c r="D33" s="23">
        <v>100</v>
      </c>
      <c r="E33" s="24">
        <v>33.299999999999997</v>
      </c>
      <c r="F33" s="25">
        <v>66.7</v>
      </c>
      <c r="G33" s="26" t="s">
        <v>152</v>
      </c>
    </row>
    <row r="34" spans="2:7" x14ac:dyDescent="0.2">
      <c r="B34" s="29"/>
      <c r="C34" s="2" t="s">
        <v>77</v>
      </c>
      <c r="D34" s="19">
        <v>51</v>
      </c>
      <c r="E34" s="20">
        <v>15</v>
      </c>
      <c r="F34" s="21">
        <v>36</v>
      </c>
      <c r="G34" s="22" t="s">
        <v>152</v>
      </c>
    </row>
    <row r="35" spans="2:7" x14ac:dyDescent="0.2">
      <c r="B35" s="29"/>
      <c r="C35" s="7"/>
      <c r="D35" s="23">
        <v>100</v>
      </c>
      <c r="E35" s="24">
        <v>29.4</v>
      </c>
      <c r="F35" s="25">
        <v>70.599999999999994</v>
      </c>
      <c r="G35" s="26" t="s">
        <v>152</v>
      </c>
    </row>
    <row r="36" spans="2:7" x14ac:dyDescent="0.2">
      <c r="B36" s="29"/>
      <c r="C36" s="2" t="s">
        <v>147</v>
      </c>
      <c r="D36" s="19">
        <v>54</v>
      </c>
      <c r="E36" s="20">
        <v>16</v>
      </c>
      <c r="F36" s="21">
        <v>38</v>
      </c>
      <c r="G36" s="22" t="s">
        <v>152</v>
      </c>
    </row>
    <row r="37" spans="2:7" x14ac:dyDescent="0.2">
      <c r="B37" s="29"/>
      <c r="C37" s="7"/>
      <c r="D37" s="23">
        <v>100</v>
      </c>
      <c r="E37" s="24">
        <v>29.629629629629626</v>
      </c>
      <c r="F37" s="25">
        <v>70.370370370370367</v>
      </c>
      <c r="G37" s="26" t="s">
        <v>152</v>
      </c>
    </row>
    <row r="38" spans="2:7" x14ac:dyDescent="0.2">
      <c r="B38" s="29"/>
      <c r="C38" s="2" t="s">
        <v>79</v>
      </c>
      <c r="D38" s="19">
        <v>116</v>
      </c>
      <c r="E38" s="20">
        <v>50</v>
      </c>
      <c r="F38" s="21">
        <v>61</v>
      </c>
      <c r="G38" s="22">
        <v>5</v>
      </c>
    </row>
    <row r="39" spans="2:7" x14ac:dyDescent="0.2">
      <c r="B39" s="29"/>
      <c r="C39" s="7"/>
      <c r="D39" s="23">
        <v>100</v>
      </c>
      <c r="E39" s="24">
        <v>43.1</v>
      </c>
      <c r="F39" s="25">
        <v>52.6</v>
      </c>
      <c r="G39" s="26">
        <v>4.3</v>
      </c>
    </row>
    <row r="40" spans="2:7" x14ac:dyDescent="0.2">
      <c r="B40" s="29"/>
      <c r="C40" s="2" t="s">
        <v>81</v>
      </c>
      <c r="D40" s="19">
        <v>200</v>
      </c>
      <c r="E40" s="20">
        <v>89</v>
      </c>
      <c r="F40" s="21">
        <v>107</v>
      </c>
      <c r="G40" s="22">
        <v>4</v>
      </c>
    </row>
    <row r="41" spans="2:7" x14ac:dyDescent="0.2">
      <c r="B41" s="29"/>
      <c r="C41" s="7"/>
      <c r="D41" s="23">
        <v>100</v>
      </c>
      <c r="E41" s="24">
        <v>44.5</v>
      </c>
      <c r="F41" s="25">
        <v>53.5</v>
      </c>
      <c r="G41" s="26">
        <v>2</v>
      </c>
    </row>
    <row r="42" spans="2:7" x14ac:dyDescent="0.2">
      <c r="B42" s="29"/>
      <c r="C42" s="2" t="s">
        <v>83</v>
      </c>
      <c r="D42" s="19">
        <v>289</v>
      </c>
      <c r="E42" s="20">
        <v>135</v>
      </c>
      <c r="F42" s="21">
        <v>148</v>
      </c>
      <c r="G42" s="22">
        <v>6</v>
      </c>
    </row>
    <row r="43" spans="2:7" x14ac:dyDescent="0.2">
      <c r="B43" s="29"/>
      <c r="C43" s="7"/>
      <c r="D43" s="23">
        <v>100</v>
      </c>
      <c r="E43" s="24">
        <v>46.7</v>
      </c>
      <c r="F43" s="25">
        <v>51.2</v>
      </c>
      <c r="G43" s="26">
        <v>2.1</v>
      </c>
    </row>
    <row r="44" spans="2:7" x14ac:dyDescent="0.2">
      <c r="B44" s="29"/>
      <c r="C44" s="2" t="s">
        <v>85</v>
      </c>
      <c r="D44" s="19">
        <v>247</v>
      </c>
      <c r="E44" s="20">
        <v>126</v>
      </c>
      <c r="F44" s="21">
        <v>113</v>
      </c>
      <c r="G44" s="22">
        <v>8</v>
      </c>
    </row>
    <row r="45" spans="2:7" x14ac:dyDescent="0.2">
      <c r="B45" s="29"/>
      <c r="C45" s="7"/>
      <c r="D45" s="23">
        <v>100</v>
      </c>
      <c r="E45" s="24">
        <v>51</v>
      </c>
      <c r="F45" s="25">
        <v>45.7</v>
      </c>
      <c r="G45" s="26">
        <v>3.2</v>
      </c>
    </row>
    <row r="46" spans="2:7" x14ac:dyDescent="0.2">
      <c r="B46" s="29"/>
      <c r="C46" s="2" t="s">
        <v>87</v>
      </c>
      <c r="D46" s="19">
        <v>125</v>
      </c>
      <c r="E46" s="20">
        <v>58</v>
      </c>
      <c r="F46" s="21">
        <v>56</v>
      </c>
      <c r="G46" s="22">
        <v>11</v>
      </c>
    </row>
    <row r="47" spans="2:7" x14ac:dyDescent="0.2">
      <c r="B47" s="29"/>
      <c r="C47" s="7"/>
      <c r="D47" s="23">
        <v>100</v>
      </c>
      <c r="E47" s="24">
        <v>46.4</v>
      </c>
      <c r="F47" s="25">
        <v>44.8</v>
      </c>
      <c r="G47" s="26">
        <v>8.8000000000000007</v>
      </c>
    </row>
    <row r="48" spans="2:7" x14ac:dyDescent="0.2">
      <c r="B48" s="29"/>
      <c r="C48" s="2" t="s">
        <v>89</v>
      </c>
      <c r="D48" s="19">
        <v>150</v>
      </c>
      <c r="E48" s="20">
        <v>53</v>
      </c>
      <c r="F48" s="21">
        <v>78</v>
      </c>
      <c r="G48" s="22">
        <v>19</v>
      </c>
    </row>
    <row r="49" spans="2:7" x14ac:dyDescent="0.2">
      <c r="B49" s="29"/>
      <c r="C49" s="7"/>
      <c r="D49" s="23">
        <v>100</v>
      </c>
      <c r="E49" s="24">
        <v>35.299999999999997</v>
      </c>
      <c r="F49" s="25">
        <v>52</v>
      </c>
      <c r="G49" s="26">
        <v>12.7</v>
      </c>
    </row>
    <row r="50" spans="2:7" x14ac:dyDescent="0.2">
      <c r="B50" s="29"/>
      <c r="C50" s="2" t="s">
        <v>91</v>
      </c>
      <c r="D50" s="19">
        <v>60</v>
      </c>
      <c r="E50" s="20">
        <v>24</v>
      </c>
      <c r="F50" s="21">
        <v>28</v>
      </c>
      <c r="G50" s="22">
        <v>8</v>
      </c>
    </row>
    <row r="51" spans="2:7" x14ac:dyDescent="0.2">
      <c r="B51" s="29"/>
      <c r="C51" s="10"/>
      <c r="D51" s="23">
        <v>100</v>
      </c>
      <c r="E51" s="24">
        <v>40</v>
      </c>
      <c r="F51" s="25">
        <v>46.7</v>
      </c>
      <c r="G51" s="26">
        <v>13.3</v>
      </c>
    </row>
    <row r="52" spans="2:7" x14ac:dyDescent="0.2">
      <c r="B52" s="28" t="s">
        <v>33</v>
      </c>
      <c r="C52" s="9" t="s">
        <v>12</v>
      </c>
      <c r="D52" s="11">
        <v>1241</v>
      </c>
      <c r="E52" s="12">
        <v>551</v>
      </c>
      <c r="F52" s="13">
        <v>629</v>
      </c>
      <c r="G52" s="14">
        <v>61</v>
      </c>
    </row>
    <row r="53" spans="2:7" x14ac:dyDescent="0.2">
      <c r="B53" s="29"/>
      <c r="C53" s="8"/>
      <c r="D53" s="15">
        <v>100</v>
      </c>
      <c r="E53" s="16">
        <v>44.4</v>
      </c>
      <c r="F53" s="17">
        <v>50.7</v>
      </c>
      <c r="G53" s="18">
        <v>4.9000000000000004</v>
      </c>
    </row>
    <row r="54" spans="2:7" x14ac:dyDescent="0.2">
      <c r="B54" s="29"/>
      <c r="C54" s="2" t="s">
        <v>57</v>
      </c>
      <c r="D54" s="19">
        <v>2</v>
      </c>
      <c r="E54" s="20">
        <v>1</v>
      </c>
      <c r="F54" s="21">
        <v>1</v>
      </c>
      <c r="G54" s="22" t="s">
        <v>152</v>
      </c>
    </row>
    <row r="55" spans="2:7" x14ac:dyDescent="0.2">
      <c r="B55" s="29"/>
      <c r="C55" s="7"/>
      <c r="D55" s="23">
        <v>100</v>
      </c>
      <c r="E55" s="24">
        <v>50</v>
      </c>
      <c r="F55" s="25">
        <v>50</v>
      </c>
      <c r="G55" s="26" t="s">
        <v>152</v>
      </c>
    </row>
    <row r="56" spans="2:7" x14ac:dyDescent="0.2">
      <c r="B56" s="29"/>
      <c r="C56" s="2" t="s">
        <v>63</v>
      </c>
      <c r="D56" s="19">
        <v>20</v>
      </c>
      <c r="E56" s="20">
        <v>5</v>
      </c>
      <c r="F56" s="21">
        <v>15</v>
      </c>
      <c r="G56" s="22" t="s">
        <v>152</v>
      </c>
    </row>
    <row r="57" spans="2:7" x14ac:dyDescent="0.2">
      <c r="B57" s="29"/>
      <c r="C57" s="7"/>
      <c r="D57" s="23">
        <v>100</v>
      </c>
      <c r="E57" s="24">
        <v>25</v>
      </c>
      <c r="F57" s="25">
        <v>75</v>
      </c>
      <c r="G57" s="26" t="s">
        <v>152</v>
      </c>
    </row>
    <row r="58" spans="2:7" x14ac:dyDescent="0.2">
      <c r="B58" s="29"/>
      <c r="C58" s="2" t="s">
        <v>148</v>
      </c>
      <c r="D58" s="19">
        <v>22</v>
      </c>
      <c r="E58" s="20">
        <v>6</v>
      </c>
      <c r="F58" s="21">
        <v>16</v>
      </c>
      <c r="G58" s="22" t="s">
        <v>152</v>
      </c>
    </row>
    <row r="59" spans="2:7" x14ac:dyDescent="0.2">
      <c r="B59" s="29"/>
      <c r="C59" s="7"/>
      <c r="D59" s="23">
        <v>100</v>
      </c>
      <c r="E59" s="24">
        <v>27.27272727272727</v>
      </c>
      <c r="F59" s="25">
        <v>72.727272727272734</v>
      </c>
      <c r="G59" s="26" t="s">
        <v>152</v>
      </c>
    </row>
    <row r="60" spans="2:7" x14ac:dyDescent="0.2">
      <c r="B60" s="29"/>
      <c r="C60" s="2" t="s">
        <v>64</v>
      </c>
      <c r="D60" s="19">
        <v>51</v>
      </c>
      <c r="E60" s="20">
        <v>20</v>
      </c>
      <c r="F60" s="21">
        <v>31</v>
      </c>
      <c r="G60" s="22" t="s">
        <v>152</v>
      </c>
    </row>
    <row r="61" spans="2:7" x14ac:dyDescent="0.2">
      <c r="B61" s="29"/>
      <c r="C61" s="7"/>
      <c r="D61" s="23">
        <v>100</v>
      </c>
      <c r="E61" s="24">
        <v>39.200000000000003</v>
      </c>
      <c r="F61" s="25">
        <v>60.8</v>
      </c>
      <c r="G61" s="26" t="s">
        <v>152</v>
      </c>
    </row>
    <row r="62" spans="2:7" x14ac:dyDescent="0.2">
      <c r="B62" s="29"/>
      <c r="C62" s="2" t="s">
        <v>65</v>
      </c>
      <c r="D62" s="19">
        <v>88</v>
      </c>
      <c r="E62" s="20">
        <v>47</v>
      </c>
      <c r="F62" s="21">
        <v>41</v>
      </c>
      <c r="G62" s="22" t="s">
        <v>152</v>
      </c>
    </row>
    <row r="63" spans="2:7" x14ac:dyDescent="0.2">
      <c r="B63" s="29"/>
      <c r="C63" s="7"/>
      <c r="D63" s="23">
        <v>100</v>
      </c>
      <c r="E63" s="24">
        <v>53.4</v>
      </c>
      <c r="F63" s="25">
        <v>46.6</v>
      </c>
      <c r="G63" s="26" t="s">
        <v>152</v>
      </c>
    </row>
    <row r="64" spans="2:7" x14ac:dyDescent="0.2">
      <c r="B64" s="29"/>
      <c r="C64" s="2" t="s">
        <v>66</v>
      </c>
      <c r="D64" s="19">
        <v>146</v>
      </c>
      <c r="E64" s="20">
        <v>64</v>
      </c>
      <c r="F64" s="21">
        <v>79</v>
      </c>
      <c r="G64" s="22">
        <v>3</v>
      </c>
    </row>
    <row r="65" spans="2:7" x14ac:dyDescent="0.2">
      <c r="B65" s="29"/>
      <c r="C65" s="7"/>
      <c r="D65" s="23">
        <v>100</v>
      </c>
      <c r="E65" s="24">
        <v>43.8</v>
      </c>
      <c r="F65" s="25">
        <v>54.1</v>
      </c>
      <c r="G65" s="26">
        <v>2.1</v>
      </c>
    </row>
    <row r="66" spans="2:7" x14ac:dyDescent="0.2">
      <c r="B66" s="29"/>
      <c r="C66" s="2" t="s">
        <v>67</v>
      </c>
      <c r="D66" s="19">
        <v>133</v>
      </c>
      <c r="E66" s="20">
        <v>68</v>
      </c>
      <c r="F66" s="21">
        <v>59</v>
      </c>
      <c r="G66" s="22">
        <v>6</v>
      </c>
    </row>
    <row r="67" spans="2:7" x14ac:dyDescent="0.2">
      <c r="B67" s="29"/>
      <c r="C67" s="7"/>
      <c r="D67" s="23">
        <v>100</v>
      </c>
      <c r="E67" s="24">
        <v>51.1</v>
      </c>
      <c r="F67" s="25">
        <v>44.4</v>
      </c>
      <c r="G67" s="26">
        <v>4.5</v>
      </c>
    </row>
    <row r="68" spans="2:7" x14ac:dyDescent="0.2">
      <c r="B68" s="29"/>
      <c r="C68" s="2" t="s">
        <v>58</v>
      </c>
      <c r="D68" s="19">
        <v>57</v>
      </c>
      <c r="E68" s="20">
        <v>31</v>
      </c>
      <c r="F68" s="21">
        <v>21</v>
      </c>
      <c r="G68" s="22">
        <v>5</v>
      </c>
    </row>
    <row r="69" spans="2:7" x14ac:dyDescent="0.2">
      <c r="B69" s="29"/>
      <c r="C69" s="7"/>
      <c r="D69" s="23">
        <v>100</v>
      </c>
      <c r="E69" s="24">
        <v>54.4</v>
      </c>
      <c r="F69" s="25">
        <v>36.799999999999997</v>
      </c>
      <c r="G69" s="26">
        <v>8.8000000000000007</v>
      </c>
    </row>
    <row r="70" spans="2:7" x14ac:dyDescent="0.2">
      <c r="B70" s="29"/>
      <c r="C70" s="2" t="s">
        <v>68</v>
      </c>
      <c r="D70" s="19">
        <v>65</v>
      </c>
      <c r="E70" s="20">
        <v>29</v>
      </c>
      <c r="F70" s="21">
        <v>32</v>
      </c>
      <c r="G70" s="22">
        <v>4</v>
      </c>
    </row>
    <row r="71" spans="2:7" x14ac:dyDescent="0.2">
      <c r="B71" s="29"/>
      <c r="C71" s="7"/>
      <c r="D71" s="23">
        <v>100</v>
      </c>
      <c r="E71" s="24">
        <v>44.6</v>
      </c>
      <c r="F71" s="25">
        <v>49.2</v>
      </c>
      <c r="G71" s="26">
        <v>6.2</v>
      </c>
    </row>
    <row r="72" spans="2:7" x14ac:dyDescent="0.2">
      <c r="B72" s="29"/>
      <c r="C72" s="2" t="s">
        <v>59</v>
      </c>
      <c r="D72" s="19">
        <v>1</v>
      </c>
      <c r="E72" s="20" t="s">
        <v>152</v>
      </c>
      <c r="F72" s="21">
        <v>1</v>
      </c>
      <c r="G72" s="22" t="s">
        <v>152</v>
      </c>
    </row>
    <row r="73" spans="2:7" x14ac:dyDescent="0.2">
      <c r="B73" s="29"/>
      <c r="C73" s="7"/>
      <c r="D73" s="23">
        <v>100</v>
      </c>
      <c r="E73" s="24" t="s">
        <v>152</v>
      </c>
      <c r="F73" s="25">
        <v>100</v>
      </c>
      <c r="G73" s="26" t="s">
        <v>152</v>
      </c>
    </row>
    <row r="74" spans="2:7" x14ac:dyDescent="0.2">
      <c r="B74" s="29"/>
      <c r="C74" s="2" t="s">
        <v>69</v>
      </c>
      <c r="D74" s="19">
        <v>29</v>
      </c>
      <c r="E74" s="20">
        <v>10</v>
      </c>
      <c r="F74" s="21">
        <v>19</v>
      </c>
      <c r="G74" s="22" t="s">
        <v>152</v>
      </c>
    </row>
    <row r="75" spans="2:7" x14ac:dyDescent="0.2">
      <c r="B75" s="29"/>
      <c r="C75" s="7"/>
      <c r="D75" s="23">
        <v>100</v>
      </c>
      <c r="E75" s="24">
        <v>34.5</v>
      </c>
      <c r="F75" s="25">
        <v>65.5</v>
      </c>
      <c r="G75" s="26" t="s">
        <v>152</v>
      </c>
    </row>
    <row r="76" spans="2:7" x14ac:dyDescent="0.2">
      <c r="B76" s="29"/>
      <c r="C76" s="2" t="s">
        <v>149</v>
      </c>
      <c r="D76" s="19">
        <v>30</v>
      </c>
      <c r="E76" s="20">
        <v>10</v>
      </c>
      <c r="F76" s="21">
        <v>20</v>
      </c>
      <c r="G76" s="22" t="s">
        <v>152</v>
      </c>
    </row>
    <row r="77" spans="2:7" x14ac:dyDescent="0.2">
      <c r="B77" s="29"/>
      <c r="C77" s="7"/>
      <c r="D77" s="23">
        <v>100</v>
      </c>
      <c r="E77" s="24">
        <v>33.333333333333329</v>
      </c>
      <c r="F77" s="25">
        <v>66.666666666666657</v>
      </c>
      <c r="G77" s="26" t="s">
        <v>152</v>
      </c>
    </row>
    <row r="78" spans="2:7" x14ac:dyDescent="0.2">
      <c r="B78" s="29"/>
      <c r="C78" s="2" t="s">
        <v>70</v>
      </c>
      <c r="D78" s="19">
        <v>64</v>
      </c>
      <c r="E78" s="20">
        <v>29</v>
      </c>
      <c r="F78" s="21">
        <v>30</v>
      </c>
      <c r="G78" s="22">
        <v>5</v>
      </c>
    </row>
    <row r="79" spans="2:7" x14ac:dyDescent="0.2">
      <c r="B79" s="29"/>
      <c r="C79" s="7"/>
      <c r="D79" s="23">
        <v>100</v>
      </c>
      <c r="E79" s="24">
        <v>45.3</v>
      </c>
      <c r="F79" s="25">
        <v>46.9</v>
      </c>
      <c r="G79" s="26">
        <v>7.8</v>
      </c>
    </row>
    <row r="80" spans="2:7" x14ac:dyDescent="0.2">
      <c r="B80" s="29"/>
      <c r="C80" s="2" t="s">
        <v>71</v>
      </c>
      <c r="D80" s="19">
        <v>112</v>
      </c>
      <c r="E80" s="20">
        <v>42</v>
      </c>
      <c r="F80" s="21">
        <v>66</v>
      </c>
      <c r="G80" s="22">
        <v>4</v>
      </c>
    </row>
    <row r="81" spans="2:7" x14ac:dyDescent="0.2">
      <c r="B81" s="29"/>
      <c r="C81" s="7"/>
      <c r="D81" s="23">
        <v>100</v>
      </c>
      <c r="E81" s="24">
        <v>37.5</v>
      </c>
      <c r="F81" s="25">
        <v>58.9</v>
      </c>
      <c r="G81" s="26">
        <v>3.6</v>
      </c>
    </row>
    <row r="82" spans="2:7" x14ac:dyDescent="0.2">
      <c r="B82" s="29"/>
      <c r="C82" s="2" t="s">
        <v>72</v>
      </c>
      <c r="D82" s="19">
        <v>137</v>
      </c>
      <c r="E82" s="20">
        <v>68</v>
      </c>
      <c r="F82" s="21">
        <v>66</v>
      </c>
      <c r="G82" s="22">
        <v>3</v>
      </c>
    </row>
    <row r="83" spans="2:7" x14ac:dyDescent="0.2">
      <c r="B83" s="29"/>
      <c r="C83" s="7"/>
      <c r="D83" s="23">
        <v>100</v>
      </c>
      <c r="E83" s="24">
        <v>49.6</v>
      </c>
      <c r="F83" s="25">
        <v>48.2</v>
      </c>
      <c r="G83" s="26">
        <v>2.2000000000000002</v>
      </c>
    </row>
    <row r="84" spans="2:7" x14ac:dyDescent="0.2">
      <c r="B84" s="29"/>
      <c r="C84" s="2" t="s">
        <v>73</v>
      </c>
      <c r="D84" s="19">
        <v>112</v>
      </c>
      <c r="E84" s="20">
        <v>56</v>
      </c>
      <c r="F84" s="21">
        <v>54</v>
      </c>
      <c r="G84" s="22">
        <v>2</v>
      </c>
    </row>
    <row r="85" spans="2:7" x14ac:dyDescent="0.2">
      <c r="B85" s="29"/>
      <c r="C85" s="7"/>
      <c r="D85" s="23">
        <v>100</v>
      </c>
      <c r="E85" s="24">
        <v>50</v>
      </c>
      <c r="F85" s="25">
        <v>48.2</v>
      </c>
      <c r="G85" s="26">
        <v>1.8</v>
      </c>
    </row>
    <row r="86" spans="2:7" x14ac:dyDescent="0.2">
      <c r="B86" s="29"/>
      <c r="C86" s="2" t="s">
        <v>60</v>
      </c>
      <c r="D86" s="19">
        <v>66</v>
      </c>
      <c r="E86" s="20">
        <v>26</v>
      </c>
      <c r="F86" s="21">
        <v>34</v>
      </c>
      <c r="G86" s="22">
        <v>6</v>
      </c>
    </row>
    <row r="87" spans="2:7" x14ac:dyDescent="0.2">
      <c r="B87" s="29"/>
      <c r="C87" s="7"/>
      <c r="D87" s="23">
        <v>100</v>
      </c>
      <c r="E87" s="24">
        <v>39.4</v>
      </c>
      <c r="F87" s="25">
        <v>51.5</v>
      </c>
      <c r="G87" s="26">
        <v>9.1</v>
      </c>
    </row>
    <row r="88" spans="2:7" x14ac:dyDescent="0.2">
      <c r="B88" s="29"/>
      <c r="C88" s="2" t="s">
        <v>74</v>
      </c>
      <c r="D88" s="19">
        <v>83</v>
      </c>
      <c r="E88" s="20">
        <v>23</v>
      </c>
      <c r="F88" s="21">
        <v>45</v>
      </c>
      <c r="G88" s="22">
        <v>15</v>
      </c>
    </row>
    <row r="89" spans="2:7" x14ac:dyDescent="0.2">
      <c r="B89" s="29"/>
      <c r="C89" s="7"/>
      <c r="D89" s="23">
        <v>100</v>
      </c>
      <c r="E89" s="24">
        <v>27.7</v>
      </c>
      <c r="F89" s="25">
        <v>54.2</v>
      </c>
      <c r="G89" s="26">
        <v>18.100000000000001</v>
      </c>
    </row>
    <row r="90" spans="2:7" x14ac:dyDescent="0.2">
      <c r="B90" s="29"/>
      <c r="C90" s="2" t="s">
        <v>0</v>
      </c>
      <c r="D90" s="19">
        <v>75</v>
      </c>
      <c r="E90" s="20">
        <v>32</v>
      </c>
      <c r="F90" s="21">
        <v>35</v>
      </c>
      <c r="G90" s="22">
        <v>8</v>
      </c>
    </row>
    <row r="91" spans="2:7" x14ac:dyDescent="0.2">
      <c r="B91" s="29"/>
      <c r="C91" s="7"/>
      <c r="D91" s="23">
        <v>100</v>
      </c>
      <c r="E91" s="24">
        <v>42.7</v>
      </c>
      <c r="F91" s="25">
        <v>46.7</v>
      </c>
      <c r="G91" s="26">
        <v>10.7</v>
      </c>
    </row>
    <row r="92" spans="2:7" x14ac:dyDescent="0.2">
      <c r="B92" s="28" t="s">
        <v>32</v>
      </c>
      <c r="C92" s="9" t="s">
        <v>12</v>
      </c>
      <c r="D92" s="11">
        <v>1241</v>
      </c>
      <c r="E92" s="12">
        <v>551</v>
      </c>
      <c r="F92" s="13">
        <v>629</v>
      </c>
      <c r="G92" s="14">
        <v>61</v>
      </c>
    </row>
    <row r="93" spans="2:7" x14ac:dyDescent="0.2">
      <c r="B93" s="29"/>
      <c r="C93" s="8"/>
      <c r="D93" s="15">
        <v>100</v>
      </c>
      <c r="E93" s="16">
        <v>44.4</v>
      </c>
      <c r="F93" s="17">
        <v>50.7</v>
      </c>
      <c r="G93" s="18">
        <v>4.9000000000000004</v>
      </c>
    </row>
    <row r="94" spans="2:7" x14ac:dyDescent="0.2">
      <c r="B94" s="29"/>
      <c r="C94" s="2" t="s">
        <v>21</v>
      </c>
      <c r="D94" s="19">
        <v>65</v>
      </c>
      <c r="E94" s="20">
        <v>31</v>
      </c>
      <c r="F94" s="21">
        <v>30</v>
      </c>
      <c r="G94" s="22">
        <v>4</v>
      </c>
    </row>
    <row r="95" spans="2:7" x14ac:dyDescent="0.2">
      <c r="B95" s="29"/>
      <c r="C95" s="7"/>
      <c r="D95" s="23">
        <v>100</v>
      </c>
      <c r="E95" s="24">
        <v>47.7</v>
      </c>
      <c r="F95" s="25">
        <v>46.2</v>
      </c>
      <c r="G95" s="26">
        <v>6.2</v>
      </c>
    </row>
    <row r="96" spans="2:7" x14ac:dyDescent="0.2">
      <c r="B96" s="29"/>
      <c r="C96" s="2" t="s">
        <v>20</v>
      </c>
      <c r="D96" s="19">
        <v>7</v>
      </c>
      <c r="E96" s="20">
        <v>2</v>
      </c>
      <c r="F96" s="21">
        <v>4</v>
      </c>
      <c r="G96" s="22">
        <v>1</v>
      </c>
    </row>
    <row r="97" spans="2:7" x14ac:dyDescent="0.2">
      <c r="B97" s="29"/>
      <c r="C97" s="7"/>
      <c r="D97" s="23">
        <v>100</v>
      </c>
      <c r="E97" s="24">
        <v>28.6</v>
      </c>
      <c r="F97" s="25">
        <v>57.1</v>
      </c>
      <c r="G97" s="26">
        <v>14.3</v>
      </c>
    </row>
    <row r="98" spans="2:7" x14ac:dyDescent="0.2">
      <c r="B98" s="29"/>
      <c r="C98" s="2" t="s">
        <v>19</v>
      </c>
      <c r="D98" s="19">
        <v>484</v>
      </c>
      <c r="E98" s="20">
        <v>210</v>
      </c>
      <c r="F98" s="21">
        <v>264</v>
      </c>
      <c r="G98" s="22">
        <v>10</v>
      </c>
    </row>
    <row r="99" spans="2:7" x14ac:dyDescent="0.2">
      <c r="B99" s="29"/>
      <c r="C99" s="7"/>
      <c r="D99" s="23">
        <v>100</v>
      </c>
      <c r="E99" s="24">
        <v>43.4</v>
      </c>
      <c r="F99" s="25">
        <v>54.5</v>
      </c>
      <c r="G99" s="26">
        <v>2.1</v>
      </c>
    </row>
    <row r="100" spans="2:7" x14ac:dyDescent="0.2">
      <c r="B100" s="29"/>
      <c r="C100" s="2" t="s">
        <v>18</v>
      </c>
      <c r="D100" s="19">
        <v>195</v>
      </c>
      <c r="E100" s="20">
        <v>92</v>
      </c>
      <c r="F100" s="21">
        <v>95</v>
      </c>
      <c r="G100" s="22">
        <v>8</v>
      </c>
    </row>
    <row r="101" spans="2:7" x14ac:dyDescent="0.2">
      <c r="B101" s="29"/>
      <c r="C101" s="7"/>
      <c r="D101" s="23">
        <v>100</v>
      </c>
      <c r="E101" s="24">
        <v>47.2</v>
      </c>
      <c r="F101" s="25">
        <v>48.7</v>
      </c>
      <c r="G101" s="26">
        <v>4.0999999999999996</v>
      </c>
    </row>
    <row r="102" spans="2:7" x14ac:dyDescent="0.2">
      <c r="B102" s="29"/>
      <c r="C102" s="2" t="s">
        <v>17</v>
      </c>
      <c r="D102" s="19">
        <v>1</v>
      </c>
      <c r="E102" s="20" t="s">
        <v>152</v>
      </c>
      <c r="F102" s="21">
        <v>1</v>
      </c>
      <c r="G102" s="22" t="s">
        <v>152</v>
      </c>
    </row>
    <row r="103" spans="2:7" x14ac:dyDescent="0.2">
      <c r="B103" s="29"/>
      <c r="C103" s="7"/>
      <c r="D103" s="23">
        <v>100</v>
      </c>
      <c r="E103" s="24" t="s">
        <v>152</v>
      </c>
      <c r="F103" s="25">
        <v>100</v>
      </c>
      <c r="G103" s="26" t="s">
        <v>152</v>
      </c>
    </row>
    <row r="104" spans="2:7" x14ac:dyDescent="0.2">
      <c r="B104" s="29"/>
      <c r="C104" s="2" t="s">
        <v>151</v>
      </c>
      <c r="D104" s="19">
        <v>178</v>
      </c>
      <c r="E104" s="20">
        <v>87</v>
      </c>
      <c r="F104" s="21">
        <v>76</v>
      </c>
      <c r="G104" s="22">
        <v>15</v>
      </c>
    </row>
    <row r="105" spans="2:7" x14ac:dyDescent="0.2">
      <c r="B105" s="29"/>
      <c r="C105" s="7"/>
      <c r="D105" s="23">
        <v>100</v>
      </c>
      <c r="E105" s="24">
        <v>48.9</v>
      </c>
      <c r="F105" s="25">
        <v>42.7</v>
      </c>
      <c r="G105" s="26">
        <v>8.4</v>
      </c>
    </row>
    <row r="106" spans="2:7" x14ac:dyDescent="0.2">
      <c r="B106" s="29"/>
      <c r="C106" s="2" t="s">
        <v>16</v>
      </c>
      <c r="D106" s="19">
        <v>10</v>
      </c>
      <c r="E106" s="20">
        <v>6</v>
      </c>
      <c r="F106" s="21">
        <v>4</v>
      </c>
      <c r="G106" s="22" t="s">
        <v>152</v>
      </c>
    </row>
    <row r="107" spans="2:7" x14ac:dyDescent="0.2">
      <c r="B107" s="29"/>
      <c r="C107" s="7"/>
      <c r="D107" s="23">
        <v>100</v>
      </c>
      <c r="E107" s="24">
        <v>60</v>
      </c>
      <c r="F107" s="25">
        <v>40</v>
      </c>
      <c r="G107" s="26" t="s">
        <v>152</v>
      </c>
    </row>
    <row r="108" spans="2:7" x14ac:dyDescent="0.2">
      <c r="B108" s="29"/>
      <c r="C108" s="2" t="s">
        <v>15</v>
      </c>
      <c r="D108" s="19">
        <v>211</v>
      </c>
      <c r="E108" s="20">
        <v>80</v>
      </c>
      <c r="F108" s="21">
        <v>116</v>
      </c>
      <c r="G108" s="22">
        <v>15</v>
      </c>
    </row>
    <row r="109" spans="2:7" x14ac:dyDescent="0.2">
      <c r="B109" s="29"/>
      <c r="C109" s="7"/>
      <c r="D109" s="23">
        <v>100</v>
      </c>
      <c r="E109" s="24">
        <v>37.9</v>
      </c>
      <c r="F109" s="25">
        <v>55</v>
      </c>
      <c r="G109" s="26">
        <v>7.1</v>
      </c>
    </row>
    <row r="110" spans="2:7" x14ac:dyDescent="0.2">
      <c r="B110" s="29"/>
      <c r="C110" s="2" t="s">
        <v>14</v>
      </c>
      <c r="D110" s="19">
        <v>12</v>
      </c>
      <c r="E110" s="20">
        <v>7</v>
      </c>
      <c r="F110" s="21">
        <v>5</v>
      </c>
      <c r="G110" s="22" t="s">
        <v>152</v>
      </c>
    </row>
    <row r="111" spans="2:7" x14ac:dyDescent="0.2">
      <c r="B111" s="29"/>
      <c r="C111" s="7"/>
      <c r="D111" s="23">
        <v>100</v>
      </c>
      <c r="E111" s="24">
        <v>58.3</v>
      </c>
      <c r="F111" s="25">
        <v>41.7</v>
      </c>
      <c r="G111" s="26" t="s">
        <v>152</v>
      </c>
    </row>
    <row r="112" spans="2:7" x14ac:dyDescent="0.2">
      <c r="B112" s="29"/>
      <c r="C112" s="2" t="s">
        <v>13</v>
      </c>
      <c r="D112" s="19">
        <v>78</v>
      </c>
      <c r="E112" s="20">
        <v>36</v>
      </c>
      <c r="F112" s="21">
        <v>34</v>
      </c>
      <c r="G112" s="22">
        <v>8</v>
      </c>
    </row>
    <row r="113" spans="2:7" x14ac:dyDescent="0.2">
      <c r="B113" s="30"/>
      <c r="C113" s="10"/>
      <c r="D113" s="15">
        <v>100</v>
      </c>
      <c r="E113" s="16">
        <v>46.2</v>
      </c>
      <c r="F113" s="17">
        <v>43.6</v>
      </c>
      <c r="G113" s="18">
        <v>10.3</v>
      </c>
    </row>
    <row r="114" spans="2:7" x14ac:dyDescent="0.2">
      <c r="B114" s="28" t="s">
        <v>31</v>
      </c>
      <c r="C114" s="9" t="s">
        <v>12</v>
      </c>
      <c r="D114" s="11">
        <v>752</v>
      </c>
      <c r="E114" s="12">
        <v>335</v>
      </c>
      <c r="F114" s="13">
        <v>394</v>
      </c>
      <c r="G114" s="14">
        <v>23</v>
      </c>
    </row>
    <row r="115" spans="2:7" x14ac:dyDescent="0.2">
      <c r="B115" s="29"/>
      <c r="C115" s="8"/>
      <c r="D115" s="15">
        <v>100</v>
      </c>
      <c r="E115" s="16">
        <v>44.5</v>
      </c>
      <c r="F115" s="17">
        <v>52.4</v>
      </c>
      <c r="G115" s="18">
        <v>3.1</v>
      </c>
    </row>
    <row r="116" spans="2:7" x14ac:dyDescent="0.2">
      <c r="B116" s="29"/>
      <c r="C116" s="2" t="s">
        <v>11</v>
      </c>
      <c r="D116" s="19">
        <v>2</v>
      </c>
      <c r="E116" s="20">
        <v>1</v>
      </c>
      <c r="F116" s="21" t="s">
        <v>152</v>
      </c>
      <c r="G116" s="22">
        <v>1</v>
      </c>
    </row>
    <row r="117" spans="2:7" x14ac:dyDescent="0.2">
      <c r="B117" s="29"/>
      <c r="C117" s="7"/>
      <c r="D117" s="23">
        <v>100</v>
      </c>
      <c r="E117" s="24">
        <v>50</v>
      </c>
      <c r="F117" s="25" t="s">
        <v>152</v>
      </c>
      <c r="G117" s="26">
        <v>50</v>
      </c>
    </row>
    <row r="118" spans="2:7" x14ac:dyDescent="0.2">
      <c r="B118" s="29"/>
      <c r="C118" s="2" t="s">
        <v>10</v>
      </c>
      <c r="D118" s="19">
        <v>32</v>
      </c>
      <c r="E118" s="20">
        <v>17</v>
      </c>
      <c r="F118" s="21">
        <v>13</v>
      </c>
      <c r="G118" s="22">
        <v>2</v>
      </c>
    </row>
    <row r="119" spans="2:7" x14ac:dyDescent="0.2">
      <c r="B119" s="29"/>
      <c r="C119" s="7"/>
      <c r="D119" s="23">
        <v>100</v>
      </c>
      <c r="E119" s="24">
        <v>53.1</v>
      </c>
      <c r="F119" s="25">
        <v>40.6</v>
      </c>
      <c r="G119" s="26">
        <v>6.3</v>
      </c>
    </row>
    <row r="120" spans="2:7" x14ac:dyDescent="0.2">
      <c r="B120" s="29"/>
      <c r="C120" s="2" t="s">
        <v>9</v>
      </c>
      <c r="D120" s="19">
        <v>33</v>
      </c>
      <c r="E120" s="20">
        <v>15</v>
      </c>
      <c r="F120" s="21">
        <v>17</v>
      </c>
      <c r="G120" s="22">
        <v>1</v>
      </c>
    </row>
    <row r="121" spans="2:7" x14ac:dyDescent="0.2">
      <c r="B121" s="29"/>
      <c r="C121" s="7"/>
      <c r="D121" s="23">
        <v>100</v>
      </c>
      <c r="E121" s="24">
        <v>45.5</v>
      </c>
      <c r="F121" s="25">
        <v>51.5</v>
      </c>
      <c r="G121" s="26">
        <v>3</v>
      </c>
    </row>
    <row r="122" spans="2:7" x14ac:dyDescent="0.2">
      <c r="B122" s="29"/>
      <c r="C122" s="2" t="s">
        <v>8</v>
      </c>
      <c r="D122" s="19">
        <v>71</v>
      </c>
      <c r="E122" s="20">
        <v>35</v>
      </c>
      <c r="F122" s="21">
        <v>35</v>
      </c>
      <c r="G122" s="22">
        <v>1</v>
      </c>
    </row>
    <row r="123" spans="2:7" x14ac:dyDescent="0.2">
      <c r="B123" s="29"/>
      <c r="C123" s="7"/>
      <c r="D123" s="23">
        <v>100</v>
      </c>
      <c r="E123" s="24">
        <v>49.3</v>
      </c>
      <c r="F123" s="25">
        <v>49.3</v>
      </c>
      <c r="G123" s="26">
        <v>1.4</v>
      </c>
    </row>
    <row r="124" spans="2:7" x14ac:dyDescent="0.2">
      <c r="B124" s="29"/>
      <c r="C124" s="2" t="s">
        <v>7</v>
      </c>
      <c r="D124" s="19">
        <v>152</v>
      </c>
      <c r="E124" s="20">
        <v>64</v>
      </c>
      <c r="F124" s="21">
        <v>84</v>
      </c>
      <c r="G124" s="22">
        <v>4</v>
      </c>
    </row>
    <row r="125" spans="2:7" x14ac:dyDescent="0.2">
      <c r="B125" s="29"/>
      <c r="C125" s="7"/>
      <c r="D125" s="23">
        <v>100</v>
      </c>
      <c r="E125" s="24">
        <v>42.1</v>
      </c>
      <c r="F125" s="25">
        <v>55.3</v>
      </c>
      <c r="G125" s="26">
        <v>2.6</v>
      </c>
    </row>
    <row r="126" spans="2:7" x14ac:dyDescent="0.2">
      <c r="B126" s="29"/>
      <c r="C126" s="2" t="s">
        <v>6</v>
      </c>
      <c r="D126" s="19">
        <v>176</v>
      </c>
      <c r="E126" s="20">
        <v>85</v>
      </c>
      <c r="F126" s="21">
        <v>89</v>
      </c>
      <c r="G126" s="22">
        <v>2</v>
      </c>
    </row>
    <row r="127" spans="2:7" x14ac:dyDescent="0.2">
      <c r="B127" s="29"/>
      <c r="C127" s="7"/>
      <c r="D127" s="23">
        <v>100</v>
      </c>
      <c r="E127" s="24">
        <v>48.3</v>
      </c>
      <c r="F127" s="25">
        <v>50.6</v>
      </c>
      <c r="G127" s="26">
        <v>1.1000000000000001</v>
      </c>
    </row>
    <row r="128" spans="2:7" x14ac:dyDescent="0.2">
      <c r="B128" s="29"/>
      <c r="C128" s="2" t="s">
        <v>5</v>
      </c>
      <c r="D128" s="19">
        <v>37</v>
      </c>
      <c r="E128" s="20">
        <v>15</v>
      </c>
      <c r="F128" s="21">
        <v>20</v>
      </c>
      <c r="G128" s="22">
        <v>2</v>
      </c>
    </row>
    <row r="129" spans="2:7" x14ac:dyDescent="0.2">
      <c r="B129" s="29"/>
      <c r="C129" s="7"/>
      <c r="D129" s="23">
        <v>100</v>
      </c>
      <c r="E129" s="24">
        <v>40.5</v>
      </c>
      <c r="F129" s="25">
        <v>54.1</v>
      </c>
      <c r="G129" s="26">
        <v>5.4</v>
      </c>
    </row>
    <row r="130" spans="2:7" x14ac:dyDescent="0.2">
      <c r="B130" s="29"/>
      <c r="C130" s="2" t="s">
        <v>4</v>
      </c>
      <c r="D130" s="19">
        <v>67</v>
      </c>
      <c r="E130" s="20">
        <v>25</v>
      </c>
      <c r="F130" s="21">
        <v>41</v>
      </c>
      <c r="G130" s="22">
        <v>1</v>
      </c>
    </row>
    <row r="131" spans="2:7" x14ac:dyDescent="0.2">
      <c r="B131" s="29"/>
      <c r="C131" s="7"/>
      <c r="D131" s="23">
        <v>100</v>
      </c>
      <c r="E131" s="24">
        <v>37.299999999999997</v>
      </c>
      <c r="F131" s="25">
        <v>61.2</v>
      </c>
      <c r="G131" s="26">
        <v>1.5</v>
      </c>
    </row>
    <row r="132" spans="2:7" x14ac:dyDescent="0.2">
      <c r="B132" s="29"/>
      <c r="C132" s="2" t="s">
        <v>3</v>
      </c>
      <c r="D132" s="19">
        <v>159</v>
      </c>
      <c r="E132" s="20">
        <v>72</v>
      </c>
      <c r="F132" s="21">
        <v>80</v>
      </c>
      <c r="G132" s="22">
        <v>7</v>
      </c>
    </row>
    <row r="133" spans="2:7" x14ac:dyDescent="0.2">
      <c r="B133" s="29"/>
      <c r="C133" s="7"/>
      <c r="D133" s="23">
        <v>100</v>
      </c>
      <c r="E133" s="24">
        <v>45.3</v>
      </c>
      <c r="F133" s="25">
        <v>50.3</v>
      </c>
      <c r="G133" s="26">
        <v>4.4000000000000004</v>
      </c>
    </row>
    <row r="134" spans="2:7" x14ac:dyDescent="0.2">
      <c r="B134" s="29"/>
      <c r="C134" s="2" t="s">
        <v>2</v>
      </c>
      <c r="D134" s="19">
        <v>23</v>
      </c>
      <c r="E134" s="20">
        <v>6</v>
      </c>
      <c r="F134" s="21">
        <v>15</v>
      </c>
      <c r="G134" s="22">
        <v>2</v>
      </c>
    </row>
    <row r="135" spans="2:7" x14ac:dyDescent="0.2">
      <c r="B135" s="30"/>
      <c r="C135" s="10"/>
      <c r="D135" s="15">
        <v>100</v>
      </c>
      <c r="E135" s="16">
        <v>26.1</v>
      </c>
      <c r="F135" s="17">
        <v>65.2</v>
      </c>
      <c r="G135" s="18">
        <v>8.699999999999999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5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61</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151</v>
      </c>
      <c r="F4" s="13">
        <v>992</v>
      </c>
      <c r="G4" s="14">
        <v>98</v>
      </c>
    </row>
    <row r="5" spans="2:7" x14ac:dyDescent="0.2">
      <c r="B5" s="29"/>
      <c r="C5" s="8"/>
      <c r="D5" s="15">
        <v>100</v>
      </c>
      <c r="E5" s="16">
        <v>12.2</v>
      </c>
      <c r="F5" s="17">
        <v>79.900000000000006</v>
      </c>
      <c r="G5" s="18">
        <v>7.9</v>
      </c>
    </row>
    <row r="6" spans="2:7" x14ac:dyDescent="0.2">
      <c r="B6" s="29"/>
      <c r="C6" s="2" t="s">
        <v>52</v>
      </c>
      <c r="D6" s="19">
        <v>557</v>
      </c>
      <c r="E6" s="20">
        <v>66</v>
      </c>
      <c r="F6" s="21">
        <v>439</v>
      </c>
      <c r="G6" s="22">
        <v>52</v>
      </c>
    </row>
    <row r="7" spans="2:7" x14ac:dyDescent="0.2">
      <c r="B7" s="29"/>
      <c r="C7" s="7"/>
      <c r="D7" s="23">
        <v>100</v>
      </c>
      <c r="E7" s="24">
        <v>11.8</v>
      </c>
      <c r="F7" s="25">
        <v>78.8</v>
      </c>
      <c r="G7" s="26">
        <v>9.3000000000000007</v>
      </c>
    </row>
    <row r="8" spans="2:7" x14ac:dyDescent="0.2">
      <c r="B8" s="29"/>
      <c r="C8" s="2" t="s">
        <v>51</v>
      </c>
      <c r="D8" s="19">
        <v>595</v>
      </c>
      <c r="E8" s="20">
        <v>74</v>
      </c>
      <c r="F8" s="21">
        <v>489</v>
      </c>
      <c r="G8" s="22">
        <v>32</v>
      </c>
    </row>
    <row r="9" spans="2:7" x14ac:dyDescent="0.2">
      <c r="B9" s="29"/>
      <c r="C9" s="7"/>
      <c r="D9" s="23">
        <v>100</v>
      </c>
      <c r="E9" s="24">
        <v>12.4</v>
      </c>
      <c r="F9" s="25">
        <v>82.2</v>
      </c>
      <c r="G9" s="26">
        <v>5.4</v>
      </c>
    </row>
    <row r="10" spans="2:7" x14ac:dyDescent="0.2">
      <c r="B10" s="29"/>
      <c r="C10" s="2" t="s">
        <v>13</v>
      </c>
      <c r="D10" s="19">
        <v>89</v>
      </c>
      <c r="E10" s="20">
        <v>11</v>
      </c>
      <c r="F10" s="21">
        <v>64</v>
      </c>
      <c r="G10" s="22">
        <v>14</v>
      </c>
    </row>
    <row r="11" spans="2:7" x14ac:dyDescent="0.2">
      <c r="B11" s="30"/>
      <c r="C11" s="10"/>
      <c r="D11" s="15">
        <v>100</v>
      </c>
      <c r="E11" s="16">
        <v>12.4</v>
      </c>
      <c r="F11" s="17">
        <v>71.900000000000006</v>
      </c>
      <c r="G11" s="18">
        <v>15.7</v>
      </c>
    </row>
    <row r="12" spans="2:7" x14ac:dyDescent="0.2">
      <c r="B12" s="28" t="s">
        <v>54</v>
      </c>
      <c r="C12" s="9" t="s">
        <v>12</v>
      </c>
      <c r="D12" s="11">
        <v>1241</v>
      </c>
      <c r="E12" s="12">
        <v>151</v>
      </c>
      <c r="F12" s="13">
        <v>992</v>
      </c>
      <c r="G12" s="14">
        <v>98</v>
      </c>
    </row>
    <row r="13" spans="2:7" x14ac:dyDescent="0.2">
      <c r="B13" s="29"/>
      <c r="C13" s="8"/>
      <c r="D13" s="15">
        <v>100</v>
      </c>
      <c r="E13" s="16">
        <v>12.2</v>
      </c>
      <c r="F13" s="17">
        <v>79.900000000000006</v>
      </c>
      <c r="G13" s="18">
        <v>7.9</v>
      </c>
    </row>
    <row r="14" spans="2:7" x14ac:dyDescent="0.2">
      <c r="B14" s="29"/>
      <c r="C14" s="2" t="s">
        <v>50</v>
      </c>
      <c r="D14" s="19">
        <v>84</v>
      </c>
      <c r="E14" s="20">
        <v>15</v>
      </c>
      <c r="F14" s="21">
        <v>69</v>
      </c>
      <c r="G14" s="22" t="s">
        <v>152</v>
      </c>
    </row>
    <row r="15" spans="2:7" x14ac:dyDescent="0.2">
      <c r="B15" s="29"/>
      <c r="C15" s="7"/>
      <c r="D15" s="23">
        <v>100</v>
      </c>
      <c r="E15" s="24">
        <v>17.899999999999999</v>
      </c>
      <c r="F15" s="25">
        <v>82.1</v>
      </c>
      <c r="G15" s="26" t="s">
        <v>152</v>
      </c>
    </row>
    <row r="16" spans="2:7" x14ac:dyDescent="0.2">
      <c r="B16" s="29"/>
      <c r="C16" s="2" t="s">
        <v>49</v>
      </c>
      <c r="D16" s="19">
        <v>97</v>
      </c>
      <c r="E16" s="20">
        <v>13</v>
      </c>
      <c r="F16" s="21">
        <v>82</v>
      </c>
      <c r="G16" s="22">
        <v>2</v>
      </c>
    </row>
    <row r="17" spans="2:7" x14ac:dyDescent="0.2">
      <c r="B17" s="29"/>
      <c r="C17" s="7"/>
      <c r="D17" s="23">
        <v>100</v>
      </c>
      <c r="E17" s="24">
        <v>13.4</v>
      </c>
      <c r="F17" s="25">
        <v>84.5</v>
      </c>
      <c r="G17" s="26">
        <v>2.1</v>
      </c>
    </row>
    <row r="18" spans="2:7" x14ac:dyDescent="0.2">
      <c r="B18" s="29"/>
      <c r="C18" s="2" t="s">
        <v>48</v>
      </c>
      <c r="D18" s="19">
        <v>79</v>
      </c>
      <c r="E18" s="20">
        <v>9</v>
      </c>
      <c r="F18" s="21">
        <v>66</v>
      </c>
      <c r="G18" s="22">
        <v>4</v>
      </c>
    </row>
    <row r="19" spans="2:7" x14ac:dyDescent="0.2">
      <c r="B19" s="29"/>
      <c r="C19" s="7"/>
      <c r="D19" s="23">
        <v>100</v>
      </c>
      <c r="E19" s="24">
        <v>11.4</v>
      </c>
      <c r="F19" s="25">
        <v>83.5</v>
      </c>
      <c r="G19" s="26">
        <v>5.0999999999999996</v>
      </c>
    </row>
    <row r="20" spans="2:7" x14ac:dyDescent="0.2">
      <c r="B20" s="29"/>
      <c r="C20" s="2" t="s">
        <v>47</v>
      </c>
      <c r="D20" s="19">
        <v>72</v>
      </c>
      <c r="E20" s="20">
        <v>8</v>
      </c>
      <c r="F20" s="21">
        <v>62</v>
      </c>
      <c r="G20" s="22">
        <v>2</v>
      </c>
    </row>
    <row r="21" spans="2:7" x14ac:dyDescent="0.2">
      <c r="B21" s="29"/>
      <c r="C21" s="7"/>
      <c r="D21" s="23">
        <v>100</v>
      </c>
      <c r="E21" s="24">
        <v>11.1</v>
      </c>
      <c r="F21" s="25">
        <v>86.1</v>
      </c>
      <c r="G21" s="26">
        <v>2.8</v>
      </c>
    </row>
    <row r="22" spans="2:7" x14ac:dyDescent="0.2">
      <c r="B22" s="29"/>
      <c r="C22" s="2" t="s">
        <v>46</v>
      </c>
      <c r="D22" s="19">
        <v>15</v>
      </c>
      <c r="E22" s="20">
        <v>3</v>
      </c>
      <c r="F22" s="21">
        <v>10</v>
      </c>
      <c r="G22" s="22">
        <v>2</v>
      </c>
    </row>
    <row r="23" spans="2:7" x14ac:dyDescent="0.2">
      <c r="B23" s="29"/>
      <c r="C23" s="7"/>
      <c r="D23" s="23">
        <v>100</v>
      </c>
      <c r="E23" s="24">
        <v>20</v>
      </c>
      <c r="F23" s="25">
        <v>66.7</v>
      </c>
      <c r="G23" s="26">
        <v>13.3</v>
      </c>
    </row>
    <row r="24" spans="2:7" x14ac:dyDescent="0.2">
      <c r="B24" s="29"/>
      <c r="C24" s="2" t="s">
        <v>45</v>
      </c>
      <c r="D24" s="19">
        <v>77</v>
      </c>
      <c r="E24" s="20">
        <v>5</v>
      </c>
      <c r="F24" s="21">
        <v>68</v>
      </c>
      <c r="G24" s="22">
        <v>4</v>
      </c>
    </row>
    <row r="25" spans="2:7" x14ac:dyDescent="0.2">
      <c r="B25" s="29"/>
      <c r="C25" s="7"/>
      <c r="D25" s="23">
        <v>100</v>
      </c>
      <c r="E25" s="24">
        <v>6.5</v>
      </c>
      <c r="F25" s="25">
        <v>88.3</v>
      </c>
      <c r="G25" s="26">
        <v>5.2</v>
      </c>
    </row>
    <row r="26" spans="2:7" x14ac:dyDescent="0.2">
      <c r="B26" s="29"/>
      <c r="C26" s="2" t="s">
        <v>44</v>
      </c>
      <c r="D26" s="19">
        <v>260</v>
      </c>
      <c r="E26" s="20">
        <v>19</v>
      </c>
      <c r="F26" s="21">
        <v>216</v>
      </c>
      <c r="G26" s="22">
        <v>25</v>
      </c>
    </row>
    <row r="27" spans="2:7" x14ac:dyDescent="0.2">
      <c r="B27" s="29"/>
      <c r="C27" s="7"/>
      <c r="D27" s="23">
        <v>100</v>
      </c>
      <c r="E27" s="24">
        <v>7.3</v>
      </c>
      <c r="F27" s="25">
        <v>83.1</v>
      </c>
      <c r="G27" s="26">
        <v>9.6</v>
      </c>
    </row>
    <row r="28" spans="2:7" x14ac:dyDescent="0.2">
      <c r="B28" s="29"/>
      <c r="C28" s="2" t="s">
        <v>43</v>
      </c>
      <c r="D28" s="19">
        <v>334</v>
      </c>
      <c r="E28" s="20">
        <v>42</v>
      </c>
      <c r="F28" s="21">
        <v>260</v>
      </c>
      <c r="G28" s="22">
        <v>32</v>
      </c>
    </row>
    <row r="29" spans="2:7" x14ac:dyDescent="0.2">
      <c r="B29" s="29"/>
      <c r="C29" s="7"/>
      <c r="D29" s="23">
        <v>100</v>
      </c>
      <c r="E29" s="24">
        <v>12.6</v>
      </c>
      <c r="F29" s="25">
        <v>77.8</v>
      </c>
      <c r="G29" s="26">
        <v>9.6</v>
      </c>
    </row>
    <row r="30" spans="2:7" x14ac:dyDescent="0.2">
      <c r="B30" s="29"/>
      <c r="C30" s="2" t="s">
        <v>14</v>
      </c>
      <c r="D30" s="19">
        <v>28</v>
      </c>
      <c r="E30" s="20">
        <v>5</v>
      </c>
      <c r="F30" s="21">
        <v>19</v>
      </c>
      <c r="G30" s="22">
        <v>4</v>
      </c>
    </row>
    <row r="31" spans="2:7" x14ac:dyDescent="0.2">
      <c r="B31" s="29"/>
      <c r="C31" s="7"/>
      <c r="D31" s="23">
        <v>100</v>
      </c>
      <c r="E31" s="24">
        <v>17.899999999999999</v>
      </c>
      <c r="F31" s="25">
        <v>67.900000000000006</v>
      </c>
      <c r="G31" s="26">
        <v>14.3</v>
      </c>
    </row>
    <row r="32" spans="2:7" x14ac:dyDescent="0.2">
      <c r="B32" s="29"/>
      <c r="C32" s="2" t="s">
        <v>42</v>
      </c>
      <c r="D32" s="19">
        <v>390</v>
      </c>
      <c r="E32" s="20">
        <v>48</v>
      </c>
      <c r="F32" s="21">
        <v>318</v>
      </c>
      <c r="G32" s="22">
        <v>24</v>
      </c>
    </row>
    <row r="33" spans="2:7" x14ac:dyDescent="0.2">
      <c r="B33" s="29"/>
      <c r="C33" s="7"/>
      <c r="D33" s="23">
        <v>100</v>
      </c>
      <c r="E33" s="24">
        <v>12.3</v>
      </c>
      <c r="F33" s="25">
        <v>81.5</v>
      </c>
      <c r="G33" s="26">
        <v>6.2</v>
      </c>
    </row>
    <row r="34" spans="2:7" x14ac:dyDescent="0.2">
      <c r="B34" s="29"/>
      <c r="C34" s="2" t="s">
        <v>13</v>
      </c>
      <c r="D34" s="19">
        <v>70</v>
      </c>
      <c r="E34" s="20">
        <v>12</v>
      </c>
      <c r="F34" s="21">
        <v>43</v>
      </c>
      <c r="G34" s="22">
        <v>15</v>
      </c>
    </row>
    <row r="35" spans="2:7" x14ac:dyDescent="0.2">
      <c r="B35" s="30"/>
      <c r="C35" s="10"/>
      <c r="D35" s="15">
        <v>100</v>
      </c>
      <c r="E35" s="16">
        <v>17.100000000000001</v>
      </c>
      <c r="F35" s="17">
        <v>61.4</v>
      </c>
      <c r="G35" s="18">
        <v>21.4</v>
      </c>
    </row>
    <row r="36" spans="2:7" x14ac:dyDescent="0.2">
      <c r="B36" s="28" t="s">
        <v>53</v>
      </c>
      <c r="C36" s="9" t="s">
        <v>12</v>
      </c>
      <c r="D36" s="11">
        <v>1241</v>
      </c>
      <c r="E36" s="12">
        <v>151</v>
      </c>
      <c r="F36" s="13">
        <v>992</v>
      </c>
      <c r="G36" s="14">
        <v>98</v>
      </c>
    </row>
    <row r="37" spans="2:7" x14ac:dyDescent="0.2">
      <c r="B37" s="29"/>
      <c r="C37" s="8"/>
      <c r="D37" s="15">
        <v>100</v>
      </c>
      <c r="E37" s="16">
        <v>12.2</v>
      </c>
      <c r="F37" s="17">
        <v>79.900000000000006</v>
      </c>
      <c r="G37" s="18">
        <v>7.9</v>
      </c>
    </row>
    <row r="38" spans="2:7" x14ac:dyDescent="0.2">
      <c r="B38" s="29"/>
      <c r="C38" s="2" t="s">
        <v>41</v>
      </c>
      <c r="D38" s="19">
        <v>799</v>
      </c>
      <c r="E38" s="20">
        <v>88</v>
      </c>
      <c r="F38" s="21">
        <v>671</v>
      </c>
      <c r="G38" s="22">
        <v>40</v>
      </c>
    </row>
    <row r="39" spans="2:7" x14ac:dyDescent="0.2">
      <c r="B39" s="29"/>
      <c r="C39" s="7"/>
      <c r="D39" s="23">
        <v>100</v>
      </c>
      <c r="E39" s="24">
        <v>11</v>
      </c>
      <c r="F39" s="25">
        <v>84</v>
      </c>
      <c r="G39" s="26">
        <v>5</v>
      </c>
    </row>
    <row r="40" spans="2:7" x14ac:dyDescent="0.2">
      <c r="B40" s="29"/>
      <c r="C40" s="2" t="s">
        <v>40</v>
      </c>
      <c r="D40" s="19">
        <v>182</v>
      </c>
      <c r="E40" s="20">
        <v>29</v>
      </c>
      <c r="F40" s="21">
        <v>133</v>
      </c>
      <c r="G40" s="22">
        <v>20</v>
      </c>
    </row>
    <row r="41" spans="2:7" x14ac:dyDescent="0.2">
      <c r="B41" s="29"/>
      <c r="C41" s="7"/>
      <c r="D41" s="23">
        <v>100</v>
      </c>
      <c r="E41" s="24">
        <v>15.9</v>
      </c>
      <c r="F41" s="25">
        <v>73.099999999999994</v>
      </c>
      <c r="G41" s="26">
        <v>11</v>
      </c>
    </row>
    <row r="42" spans="2:7" x14ac:dyDescent="0.2">
      <c r="B42" s="29"/>
      <c r="C42" s="2" t="s">
        <v>39</v>
      </c>
      <c r="D42" s="19">
        <v>72</v>
      </c>
      <c r="E42" s="20">
        <v>9</v>
      </c>
      <c r="F42" s="21">
        <v>55</v>
      </c>
      <c r="G42" s="22">
        <v>8</v>
      </c>
    </row>
    <row r="43" spans="2:7" x14ac:dyDescent="0.2">
      <c r="B43" s="29"/>
      <c r="C43" s="7"/>
      <c r="D43" s="23">
        <v>100</v>
      </c>
      <c r="E43" s="24">
        <v>12.5</v>
      </c>
      <c r="F43" s="25">
        <v>76.400000000000006</v>
      </c>
      <c r="G43" s="26">
        <v>11.1</v>
      </c>
    </row>
    <row r="44" spans="2:7" x14ac:dyDescent="0.2">
      <c r="B44" s="29"/>
      <c r="C44" s="2" t="s">
        <v>38</v>
      </c>
      <c r="D44" s="19">
        <v>127</v>
      </c>
      <c r="E44" s="20">
        <v>16</v>
      </c>
      <c r="F44" s="21">
        <v>93</v>
      </c>
      <c r="G44" s="22">
        <v>18</v>
      </c>
    </row>
    <row r="45" spans="2:7" x14ac:dyDescent="0.2">
      <c r="B45" s="29"/>
      <c r="C45" s="7"/>
      <c r="D45" s="23">
        <v>100</v>
      </c>
      <c r="E45" s="24">
        <v>12.6</v>
      </c>
      <c r="F45" s="25">
        <v>73.2</v>
      </c>
      <c r="G45" s="26">
        <v>14.2</v>
      </c>
    </row>
    <row r="46" spans="2:7" x14ac:dyDescent="0.2">
      <c r="B46" s="29"/>
      <c r="C46" s="2" t="s">
        <v>13</v>
      </c>
      <c r="D46" s="19">
        <v>61</v>
      </c>
      <c r="E46" s="20">
        <v>9</v>
      </c>
      <c r="F46" s="21">
        <v>40</v>
      </c>
      <c r="G46" s="22">
        <v>12</v>
      </c>
    </row>
    <row r="47" spans="2:7" x14ac:dyDescent="0.2">
      <c r="B47" s="30"/>
      <c r="C47" s="10"/>
      <c r="D47" s="15">
        <v>100</v>
      </c>
      <c r="E47" s="16">
        <v>14.8</v>
      </c>
      <c r="F47" s="17">
        <v>65.599999999999994</v>
      </c>
      <c r="G47" s="18">
        <v>19.7</v>
      </c>
    </row>
  </sheetData>
  <mergeCells count="3">
    <mergeCell ref="B4:B11"/>
    <mergeCell ref="B12:B35"/>
    <mergeCell ref="B36:B47"/>
  </mergeCells>
  <phoneticPr fontId="2"/>
  <pageMargins left="0.7" right="0.7" top="0.75" bottom="0.75" header="0.3" footer="0.3"/>
</worksheet>
</file>

<file path=xl/worksheets/sheet5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60</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187</v>
      </c>
      <c r="F4" s="13">
        <v>951</v>
      </c>
      <c r="G4" s="14">
        <v>103</v>
      </c>
    </row>
    <row r="5" spans="2:7" x14ac:dyDescent="0.2">
      <c r="B5" s="29"/>
      <c r="C5" s="8"/>
      <c r="D5" s="15">
        <v>100</v>
      </c>
      <c r="E5" s="16">
        <v>15.1</v>
      </c>
      <c r="F5" s="17">
        <v>76.599999999999994</v>
      </c>
      <c r="G5" s="18">
        <v>8.3000000000000007</v>
      </c>
    </row>
    <row r="6" spans="2:7" x14ac:dyDescent="0.2">
      <c r="B6" s="29"/>
      <c r="C6" s="2" t="s">
        <v>30</v>
      </c>
      <c r="D6" s="19">
        <v>499</v>
      </c>
      <c r="E6" s="20">
        <v>97</v>
      </c>
      <c r="F6" s="21">
        <v>377</v>
      </c>
      <c r="G6" s="22">
        <v>25</v>
      </c>
    </row>
    <row r="7" spans="2:7" x14ac:dyDescent="0.2">
      <c r="B7" s="29"/>
      <c r="C7" s="7"/>
      <c r="D7" s="23">
        <v>100</v>
      </c>
      <c r="E7" s="24">
        <v>19.399999999999999</v>
      </c>
      <c r="F7" s="25">
        <v>75.599999999999994</v>
      </c>
      <c r="G7" s="26">
        <v>5</v>
      </c>
    </row>
    <row r="8" spans="2:7" x14ac:dyDescent="0.2">
      <c r="B8" s="29"/>
      <c r="C8" s="2" t="s">
        <v>29</v>
      </c>
      <c r="D8" s="19">
        <v>150</v>
      </c>
      <c r="E8" s="20">
        <v>23</v>
      </c>
      <c r="F8" s="21">
        <v>112</v>
      </c>
      <c r="G8" s="22">
        <v>15</v>
      </c>
    </row>
    <row r="9" spans="2:7" x14ac:dyDescent="0.2">
      <c r="B9" s="29"/>
      <c r="C9" s="7"/>
      <c r="D9" s="23">
        <v>100</v>
      </c>
      <c r="E9" s="24">
        <v>15.3</v>
      </c>
      <c r="F9" s="25">
        <v>74.7</v>
      </c>
      <c r="G9" s="26">
        <v>10</v>
      </c>
    </row>
    <row r="10" spans="2:7" x14ac:dyDescent="0.2">
      <c r="B10" s="29"/>
      <c r="C10" s="2" t="s">
        <v>28</v>
      </c>
      <c r="D10" s="19">
        <v>82</v>
      </c>
      <c r="E10" s="20">
        <v>10</v>
      </c>
      <c r="F10" s="21">
        <v>64</v>
      </c>
      <c r="G10" s="22">
        <v>8</v>
      </c>
    </row>
    <row r="11" spans="2:7" x14ac:dyDescent="0.2">
      <c r="B11" s="29"/>
      <c r="C11" s="7"/>
      <c r="D11" s="23">
        <v>100</v>
      </c>
      <c r="E11" s="24">
        <v>12.2</v>
      </c>
      <c r="F11" s="25">
        <v>78</v>
      </c>
      <c r="G11" s="26">
        <v>9.8000000000000007</v>
      </c>
    </row>
    <row r="12" spans="2:7" x14ac:dyDescent="0.2">
      <c r="B12" s="29"/>
      <c r="C12" s="2" t="s">
        <v>27</v>
      </c>
      <c r="D12" s="19">
        <v>92</v>
      </c>
      <c r="E12" s="20">
        <v>15</v>
      </c>
      <c r="F12" s="21">
        <v>70</v>
      </c>
      <c r="G12" s="22">
        <v>7</v>
      </c>
    </row>
    <row r="13" spans="2:7" x14ac:dyDescent="0.2">
      <c r="B13" s="29"/>
      <c r="C13" s="7"/>
      <c r="D13" s="23">
        <v>100</v>
      </c>
      <c r="E13" s="24">
        <v>16.3</v>
      </c>
      <c r="F13" s="25">
        <v>76.099999999999994</v>
      </c>
      <c r="G13" s="26">
        <v>7.6</v>
      </c>
    </row>
    <row r="14" spans="2:7" x14ac:dyDescent="0.2">
      <c r="B14" s="29"/>
      <c r="C14" s="2" t="s">
        <v>26</v>
      </c>
      <c r="D14" s="19">
        <v>112</v>
      </c>
      <c r="E14" s="20">
        <v>11</v>
      </c>
      <c r="F14" s="21">
        <v>87</v>
      </c>
      <c r="G14" s="22">
        <v>14</v>
      </c>
    </row>
    <row r="15" spans="2:7" x14ac:dyDescent="0.2">
      <c r="B15" s="29"/>
      <c r="C15" s="7"/>
      <c r="D15" s="23">
        <v>100</v>
      </c>
      <c r="E15" s="24">
        <v>9.8000000000000007</v>
      </c>
      <c r="F15" s="25">
        <v>77.7</v>
      </c>
      <c r="G15" s="26">
        <v>12.5</v>
      </c>
    </row>
    <row r="16" spans="2:7" x14ac:dyDescent="0.2">
      <c r="B16" s="29"/>
      <c r="C16" s="2" t="s">
        <v>25</v>
      </c>
      <c r="D16" s="19">
        <v>188</v>
      </c>
      <c r="E16" s="20">
        <v>14</v>
      </c>
      <c r="F16" s="21">
        <v>155</v>
      </c>
      <c r="G16" s="22">
        <v>19</v>
      </c>
    </row>
    <row r="17" spans="2:7" x14ac:dyDescent="0.2">
      <c r="B17" s="29"/>
      <c r="C17" s="7"/>
      <c r="D17" s="23">
        <v>100</v>
      </c>
      <c r="E17" s="24">
        <v>7.4</v>
      </c>
      <c r="F17" s="25">
        <v>82.4</v>
      </c>
      <c r="G17" s="26">
        <v>10.1</v>
      </c>
    </row>
    <row r="18" spans="2:7" x14ac:dyDescent="0.2">
      <c r="B18" s="29"/>
      <c r="C18" s="2" t="s">
        <v>24</v>
      </c>
      <c r="D18" s="19">
        <v>60</v>
      </c>
      <c r="E18" s="20">
        <v>6</v>
      </c>
      <c r="F18" s="21">
        <v>50</v>
      </c>
      <c r="G18" s="22">
        <v>4</v>
      </c>
    </row>
    <row r="19" spans="2:7" x14ac:dyDescent="0.2">
      <c r="B19" s="29"/>
      <c r="C19" s="7"/>
      <c r="D19" s="23">
        <v>100</v>
      </c>
      <c r="E19" s="24">
        <v>10</v>
      </c>
      <c r="F19" s="25">
        <v>83.3</v>
      </c>
      <c r="G19" s="26">
        <v>6.7</v>
      </c>
    </row>
    <row r="20" spans="2:7" x14ac:dyDescent="0.2">
      <c r="B20" s="29"/>
      <c r="C20" s="2" t="s">
        <v>13</v>
      </c>
      <c r="D20" s="19">
        <v>58</v>
      </c>
      <c r="E20" s="20">
        <v>11</v>
      </c>
      <c r="F20" s="21">
        <v>36</v>
      </c>
      <c r="G20" s="22">
        <v>11</v>
      </c>
    </row>
    <row r="21" spans="2:7" x14ac:dyDescent="0.2">
      <c r="B21" s="30"/>
      <c r="C21" s="10"/>
      <c r="D21" s="15">
        <v>100</v>
      </c>
      <c r="E21" s="16">
        <v>19</v>
      </c>
      <c r="F21" s="17">
        <v>62.1</v>
      </c>
      <c r="G21" s="18">
        <v>19</v>
      </c>
    </row>
    <row r="22" spans="2:7" x14ac:dyDescent="0.2">
      <c r="B22" s="28" t="s">
        <v>35</v>
      </c>
      <c r="C22" s="9" t="s">
        <v>12</v>
      </c>
      <c r="D22" s="11">
        <v>1241</v>
      </c>
      <c r="E22" s="12">
        <v>187</v>
      </c>
      <c r="F22" s="13">
        <v>951</v>
      </c>
      <c r="G22" s="14">
        <v>103</v>
      </c>
    </row>
    <row r="23" spans="2:7" x14ac:dyDescent="0.2">
      <c r="B23" s="29"/>
      <c r="C23" s="8"/>
      <c r="D23" s="15">
        <v>100</v>
      </c>
      <c r="E23" s="16">
        <v>15.1</v>
      </c>
      <c r="F23" s="17">
        <v>76.599999999999994</v>
      </c>
      <c r="G23" s="18">
        <v>8.3000000000000007</v>
      </c>
    </row>
    <row r="24" spans="2:7" x14ac:dyDescent="0.2">
      <c r="B24" s="29"/>
      <c r="C24" s="2" t="s">
        <v>23</v>
      </c>
      <c r="D24" s="19">
        <v>563</v>
      </c>
      <c r="E24" s="20">
        <v>77</v>
      </c>
      <c r="F24" s="21">
        <v>451</v>
      </c>
      <c r="G24" s="22">
        <v>35</v>
      </c>
    </row>
    <row r="25" spans="2:7" x14ac:dyDescent="0.2">
      <c r="B25" s="29"/>
      <c r="C25" s="7"/>
      <c r="D25" s="23">
        <v>100</v>
      </c>
      <c r="E25" s="24">
        <v>13.7</v>
      </c>
      <c r="F25" s="25">
        <v>80.099999999999994</v>
      </c>
      <c r="G25" s="26">
        <v>6.2</v>
      </c>
    </row>
    <row r="26" spans="2:7" x14ac:dyDescent="0.2">
      <c r="B26" s="29"/>
      <c r="C26" s="2" t="s">
        <v>22</v>
      </c>
      <c r="D26" s="19">
        <v>607</v>
      </c>
      <c r="E26" s="20">
        <v>97</v>
      </c>
      <c r="F26" s="21">
        <v>453</v>
      </c>
      <c r="G26" s="22">
        <v>57</v>
      </c>
    </row>
    <row r="27" spans="2:7" x14ac:dyDescent="0.2">
      <c r="B27" s="29"/>
      <c r="C27" s="7"/>
      <c r="D27" s="23">
        <v>100</v>
      </c>
      <c r="E27" s="24">
        <v>16</v>
      </c>
      <c r="F27" s="25">
        <v>74.599999999999994</v>
      </c>
      <c r="G27" s="26">
        <v>9.4</v>
      </c>
    </row>
    <row r="28" spans="2:7" x14ac:dyDescent="0.2">
      <c r="B28" s="29"/>
      <c r="C28" s="2" t="s">
        <v>13</v>
      </c>
      <c r="D28" s="19">
        <v>71</v>
      </c>
      <c r="E28" s="20">
        <v>13</v>
      </c>
      <c r="F28" s="21">
        <v>47</v>
      </c>
      <c r="G28" s="22">
        <v>11</v>
      </c>
    </row>
    <row r="29" spans="2:7" x14ac:dyDescent="0.2">
      <c r="B29" s="30"/>
      <c r="C29" s="10"/>
      <c r="D29" s="15">
        <v>100</v>
      </c>
      <c r="E29" s="16">
        <v>18.3</v>
      </c>
      <c r="F29" s="17">
        <v>66.2</v>
      </c>
      <c r="G29" s="18">
        <v>15.5</v>
      </c>
    </row>
    <row r="30" spans="2:7" x14ac:dyDescent="0.2">
      <c r="B30" s="28" t="s">
        <v>34</v>
      </c>
      <c r="C30" s="9" t="s">
        <v>12</v>
      </c>
      <c r="D30" s="11">
        <v>1241</v>
      </c>
      <c r="E30" s="12">
        <v>187</v>
      </c>
      <c r="F30" s="13">
        <v>951</v>
      </c>
      <c r="G30" s="14">
        <v>103</v>
      </c>
    </row>
    <row r="31" spans="2:7" x14ac:dyDescent="0.2">
      <c r="B31" s="29"/>
      <c r="C31" s="8"/>
      <c r="D31" s="15">
        <v>100</v>
      </c>
      <c r="E31" s="16">
        <v>15.1</v>
      </c>
      <c r="F31" s="17">
        <v>76.599999999999994</v>
      </c>
      <c r="G31" s="18">
        <v>8.3000000000000007</v>
      </c>
    </row>
    <row r="32" spans="2:7" x14ac:dyDescent="0.2">
      <c r="B32" s="29"/>
      <c r="C32" s="2" t="s">
        <v>76</v>
      </c>
      <c r="D32" s="19">
        <v>3</v>
      </c>
      <c r="E32" s="20" t="s">
        <v>152</v>
      </c>
      <c r="F32" s="21">
        <v>3</v>
      </c>
      <c r="G32" s="22" t="s">
        <v>152</v>
      </c>
    </row>
    <row r="33" spans="2:7" x14ac:dyDescent="0.2">
      <c r="B33" s="29"/>
      <c r="C33" s="7"/>
      <c r="D33" s="23">
        <v>100</v>
      </c>
      <c r="E33" s="24" t="s">
        <v>152</v>
      </c>
      <c r="F33" s="25">
        <v>100</v>
      </c>
      <c r="G33" s="26" t="s">
        <v>152</v>
      </c>
    </row>
    <row r="34" spans="2:7" x14ac:dyDescent="0.2">
      <c r="B34" s="29"/>
      <c r="C34" s="2" t="s">
        <v>78</v>
      </c>
      <c r="D34" s="19">
        <v>51</v>
      </c>
      <c r="E34" s="20">
        <v>11</v>
      </c>
      <c r="F34" s="21">
        <v>39</v>
      </c>
      <c r="G34" s="22">
        <v>1</v>
      </c>
    </row>
    <row r="35" spans="2:7" x14ac:dyDescent="0.2">
      <c r="B35" s="29"/>
      <c r="C35" s="7"/>
      <c r="D35" s="23">
        <v>100</v>
      </c>
      <c r="E35" s="24">
        <v>21.6</v>
      </c>
      <c r="F35" s="25">
        <v>76.5</v>
      </c>
      <c r="G35" s="26">
        <v>2</v>
      </c>
    </row>
    <row r="36" spans="2:7" x14ac:dyDescent="0.2">
      <c r="B36" s="29"/>
      <c r="C36" s="2" t="s">
        <v>147</v>
      </c>
      <c r="D36" s="19">
        <v>54</v>
      </c>
      <c r="E36" s="20">
        <v>11</v>
      </c>
      <c r="F36" s="21">
        <v>42</v>
      </c>
      <c r="G36" s="22">
        <v>1</v>
      </c>
    </row>
    <row r="37" spans="2:7" x14ac:dyDescent="0.2">
      <c r="B37" s="29"/>
      <c r="C37" s="7"/>
      <c r="D37" s="23">
        <v>100</v>
      </c>
      <c r="E37" s="24">
        <v>20.37037037037037</v>
      </c>
      <c r="F37" s="25">
        <v>77.777777777777786</v>
      </c>
      <c r="G37" s="26">
        <v>1.8518518518518516</v>
      </c>
    </row>
    <row r="38" spans="2:7" x14ac:dyDescent="0.2">
      <c r="B38" s="29"/>
      <c r="C38" s="2" t="s">
        <v>80</v>
      </c>
      <c r="D38" s="19">
        <v>116</v>
      </c>
      <c r="E38" s="20">
        <v>19</v>
      </c>
      <c r="F38" s="21">
        <v>95</v>
      </c>
      <c r="G38" s="22">
        <v>2</v>
      </c>
    </row>
    <row r="39" spans="2:7" x14ac:dyDescent="0.2">
      <c r="B39" s="29"/>
      <c r="C39" s="7"/>
      <c r="D39" s="23">
        <v>100</v>
      </c>
      <c r="E39" s="24">
        <v>16.399999999999999</v>
      </c>
      <c r="F39" s="25">
        <v>81.900000000000006</v>
      </c>
      <c r="G39" s="26">
        <v>1.7</v>
      </c>
    </row>
    <row r="40" spans="2:7" x14ac:dyDescent="0.2">
      <c r="B40" s="29"/>
      <c r="C40" s="2" t="s">
        <v>82</v>
      </c>
      <c r="D40" s="19">
        <v>200</v>
      </c>
      <c r="E40" s="20">
        <v>35</v>
      </c>
      <c r="F40" s="21">
        <v>153</v>
      </c>
      <c r="G40" s="22">
        <v>12</v>
      </c>
    </row>
    <row r="41" spans="2:7" x14ac:dyDescent="0.2">
      <c r="B41" s="29"/>
      <c r="C41" s="7"/>
      <c r="D41" s="23">
        <v>100</v>
      </c>
      <c r="E41" s="24">
        <v>17.5</v>
      </c>
      <c r="F41" s="25">
        <v>76.5</v>
      </c>
      <c r="G41" s="26">
        <v>6</v>
      </c>
    </row>
    <row r="42" spans="2:7" x14ac:dyDescent="0.2">
      <c r="B42" s="29"/>
      <c r="C42" s="2" t="s">
        <v>84</v>
      </c>
      <c r="D42" s="19">
        <v>289</v>
      </c>
      <c r="E42" s="20">
        <v>34</v>
      </c>
      <c r="F42" s="21">
        <v>240</v>
      </c>
      <c r="G42" s="22">
        <v>15</v>
      </c>
    </row>
    <row r="43" spans="2:7" x14ac:dyDescent="0.2">
      <c r="B43" s="29"/>
      <c r="C43" s="7"/>
      <c r="D43" s="23">
        <v>100</v>
      </c>
      <c r="E43" s="24">
        <v>11.8</v>
      </c>
      <c r="F43" s="25">
        <v>83</v>
      </c>
      <c r="G43" s="26">
        <v>5.2</v>
      </c>
    </row>
    <row r="44" spans="2:7" x14ac:dyDescent="0.2">
      <c r="B44" s="29"/>
      <c r="C44" s="2" t="s">
        <v>86</v>
      </c>
      <c r="D44" s="19">
        <v>247</v>
      </c>
      <c r="E44" s="20">
        <v>25</v>
      </c>
      <c r="F44" s="21">
        <v>199</v>
      </c>
      <c r="G44" s="22">
        <v>23</v>
      </c>
    </row>
    <row r="45" spans="2:7" x14ac:dyDescent="0.2">
      <c r="B45" s="29"/>
      <c r="C45" s="7"/>
      <c r="D45" s="23">
        <v>100</v>
      </c>
      <c r="E45" s="24">
        <v>10.1</v>
      </c>
      <c r="F45" s="25">
        <v>80.599999999999994</v>
      </c>
      <c r="G45" s="26">
        <v>9.3000000000000007</v>
      </c>
    </row>
    <row r="46" spans="2:7" x14ac:dyDescent="0.2">
      <c r="B46" s="29"/>
      <c r="C46" s="2" t="s">
        <v>88</v>
      </c>
      <c r="D46" s="19">
        <v>125</v>
      </c>
      <c r="E46" s="20">
        <v>20</v>
      </c>
      <c r="F46" s="21">
        <v>90</v>
      </c>
      <c r="G46" s="22">
        <v>15</v>
      </c>
    </row>
    <row r="47" spans="2:7" x14ac:dyDescent="0.2">
      <c r="B47" s="29"/>
      <c r="C47" s="7"/>
      <c r="D47" s="23">
        <v>100</v>
      </c>
      <c r="E47" s="24">
        <v>16</v>
      </c>
      <c r="F47" s="25">
        <v>72</v>
      </c>
      <c r="G47" s="26">
        <v>12</v>
      </c>
    </row>
    <row r="48" spans="2:7" x14ac:dyDescent="0.2">
      <c r="B48" s="29"/>
      <c r="C48" s="2" t="s">
        <v>90</v>
      </c>
      <c r="D48" s="19">
        <v>150</v>
      </c>
      <c r="E48" s="20">
        <v>32</v>
      </c>
      <c r="F48" s="21">
        <v>96</v>
      </c>
      <c r="G48" s="22">
        <v>22</v>
      </c>
    </row>
    <row r="49" spans="2:7" x14ac:dyDescent="0.2">
      <c r="B49" s="29"/>
      <c r="C49" s="7"/>
      <c r="D49" s="23">
        <v>100</v>
      </c>
      <c r="E49" s="24">
        <v>21.3</v>
      </c>
      <c r="F49" s="25">
        <v>64</v>
      </c>
      <c r="G49" s="26">
        <v>14.7</v>
      </c>
    </row>
    <row r="50" spans="2:7" x14ac:dyDescent="0.2">
      <c r="B50" s="29"/>
      <c r="C50" s="2" t="s">
        <v>92</v>
      </c>
      <c r="D50" s="19">
        <v>60</v>
      </c>
      <c r="E50" s="20">
        <v>11</v>
      </c>
      <c r="F50" s="21">
        <v>36</v>
      </c>
      <c r="G50" s="22">
        <v>13</v>
      </c>
    </row>
    <row r="51" spans="2:7" x14ac:dyDescent="0.2">
      <c r="B51" s="29"/>
      <c r="C51" s="10"/>
      <c r="D51" s="23">
        <v>100</v>
      </c>
      <c r="E51" s="24">
        <v>18.3</v>
      </c>
      <c r="F51" s="25">
        <v>60</v>
      </c>
      <c r="G51" s="26">
        <v>21.7</v>
      </c>
    </row>
    <row r="52" spans="2:7" x14ac:dyDescent="0.2">
      <c r="B52" s="28" t="s">
        <v>33</v>
      </c>
      <c r="C52" s="9" t="s">
        <v>12</v>
      </c>
      <c r="D52" s="11">
        <v>1241</v>
      </c>
      <c r="E52" s="12">
        <v>187</v>
      </c>
      <c r="F52" s="13">
        <v>951</v>
      </c>
      <c r="G52" s="14">
        <v>103</v>
      </c>
    </row>
    <row r="53" spans="2:7" x14ac:dyDescent="0.2">
      <c r="B53" s="29"/>
      <c r="C53" s="8"/>
      <c r="D53" s="15">
        <v>100</v>
      </c>
      <c r="E53" s="16">
        <v>15.1</v>
      </c>
      <c r="F53" s="17">
        <v>76.599999999999994</v>
      </c>
      <c r="G53" s="18">
        <v>8.3000000000000007</v>
      </c>
    </row>
    <row r="54" spans="2:7" x14ac:dyDescent="0.2">
      <c r="B54" s="29"/>
      <c r="C54" s="2" t="s">
        <v>57</v>
      </c>
      <c r="D54" s="19">
        <v>2</v>
      </c>
      <c r="E54" s="20" t="s">
        <v>152</v>
      </c>
      <c r="F54" s="21">
        <v>2</v>
      </c>
      <c r="G54" s="22" t="s">
        <v>152</v>
      </c>
    </row>
    <row r="55" spans="2:7" x14ac:dyDescent="0.2">
      <c r="B55" s="29"/>
      <c r="C55" s="7"/>
      <c r="D55" s="23">
        <v>100</v>
      </c>
      <c r="E55" s="24" t="s">
        <v>152</v>
      </c>
      <c r="F55" s="25">
        <v>100</v>
      </c>
      <c r="G55" s="26" t="s">
        <v>152</v>
      </c>
    </row>
    <row r="56" spans="2:7" x14ac:dyDescent="0.2">
      <c r="B56" s="29"/>
      <c r="C56" s="2" t="s">
        <v>63</v>
      </c>
      <c r="D56" s="19">
        <v>20</v>
      </c>
      <c r="E56" s="20">
        <v>3</v>
      </c>
      <c r="F56" s="21">
        <v>17</v>
      </c>
      <c r="G56" s="22" t="s">
        <v>152</v>
      </c>
    </row>
    <row r="57" spans="2:7" x14ac:dyDescent="0.2">
      <c r="B57" s="29"/>
      <c r="C57" s="7"/>
      <c r="D57" s="23">
        <v>100</v>
      </c>
      <c r="E57" s="24">
        <v>15</v>
      </c>
      <c r="F57" s="25">
        <v>85</v>
      </c>
      <c r="G57" s="26" t="s">
        <v>152</v>
      </c>
    </row>
    <row r="58" spans="2:7" x14ac:dyDescent="0.2">
      <c r="B58" s="29"/>
      <c r="C58" s="2" t="s">
        <v>148</v>
      </c>
      <c r="D58" s="19">
        <v>22</v>
      </c>
      <c r="E58" s="20">
        <v>3</v>
      </c>
      <c r="F58" s="21">
        <v>19</v>
      </c>
      <c r="G58" s="22" t="s">
        <v>152</v>
      </c>
    </row>
    <row r="59" spans="2:7" x14ac:dyDescent="0.2">
      <c r="B59" s="29"/>
      <c r="C59" s="7"/>
      <c r="D59" s="23">
        <v>100</v>
      </c>
      <c r="E59" s="24">
        <v>13.636363636363635</v>
      </c>
      <c r="F59" s="25">
        <v>86.36363636363636</v>
      </c>
      <c r="G59" s="26" t="s">
        <v>152</v>
      </c>
    </row>
    <row r="60" spans="2:7" x14ac:dyDescent="0.2">
      <c r="B60" s="29"/>
      <c r="C60" s="2" t="s">
        <v>64</v>
      </c>
      <c r="D60" s="19">
        <v>51</v>
      </c>
      <c r="E60" s="20">
        <v>8</v>
      </c>
      <c r="F60" s="21">
        <v>42</v>
      </c>
      <c r="G60" s="22">
        <v>1</v>
      </c>
    </row>
    <row r="61" spans="2:7" x14ac:dyDescent="0.2">
      <c r="B61" s="29"/>
      <c r="C61" s="7"/>
      <c r="D61" s="23">
        <v>100</v>
      </c>
      <c r="E61" s="24">
        <v>15.7</v>
      </c>
      <c r="F61" s="25">
        <v>82.4</v>
      </c>
      <c r="G61" s="26">
        <v>2</v>
      </c>
    </row>
    <row r="62" spans="2:7" x14ac:dyDescent="0.2">
      <c r="B62" s="29"/>
      <c r="C62" s="2" t="s">
        <v>65</v>
      </c>
      <c r="D62" s="19">
        <v>88</v>
      </c>
      <c r="E62" s="20">
        <v>19</v>
      </c>
      <c r="F62" s="21">
        <v>66</v>
      </c>
      <c r="G62" s="22">
        <v>3</v>
      </c>
    </row>
    <row r="63" spans="2:7" x14ac:dyDescent="0.2">
      <c r="B63" s="29"/>
      <c r="C63" s="7"/>
      <c r="D63" s="23">
        <v>100</v>
      </c>
      <c r="E63" s="24">
        <v>21.6</v>
      </c>
      <c r="F63" s="25">
        <v>75</v>
      </c>
      <c r="G63" s="26">
        <v>3.4</v>
      </c>
    </row>
    <row r="64" spans="2:7" x14ac:dyDescent="0.2">
      <c r="B64" s="29"/>
      <c r="C64" s="2" t="s">
        <v>66</v>
      </c>
      <c r="D64" s="19">
        <v>146</v>
      </c>
      <c r="E64" s="20">
        <v>19</v>
      </c>
      <c r="F64" s="21">
        <v>119</v>
      </c>
      <c r="G64" s="22">
        <v>8</v>
      </c>
    </row>
    <row r="65" spans="2:7" x14ac:dyDescent="0.2">
      <c r="B65" s="29"/>
      <c r="C65" s="7"/>
      <c r="D65" s="23">
        <v>100</v>
      </c>
      <c r="E65" s="24">
        <v>13</v>
      </c>
      <c r="F65" s="25">
        <v>81.5</v>
      </c>
      <c r="G65" s="26">
        <v>5.5</v>
      </c>
    </row>
    <row r="66" spans="2:7" x14ac:dyDescent="0.2">
      <c r="B66" s="29"/>
      <c r="C66" s="2" t="s">
        <v>67</v>
      </c>
      <c r="D66" s="19">
        <v>133</v>
      </c>
      <c r="E66" s="20">
        <v>11</v>
      </c>
      <c r="F66" s="21">
        <v>113</v>
      </c>
      <c r="G66" s="22">
        <v>9</v>
      </c>
    </row>
    <row r="67" spans="2:7" x14ac:dyDescent="0.2">
      <c r="B67" s="29"/>
      <c r="C67" s="7"/>
      <c r="D67" s="23">
        <v>100</v>
      </c>
      <c r="E67" s="24">
        <v>8.3000000000000007</v>
      </c>
      <c r="F67" s="25">
        <v>85</v>
      </c>
      <c r="G67" s="26">
        <v>6.8</v>
      </c>
    </row>
    <row r="68" spans="2:7" x14ac:dyDescent="0.2">
      <c r="B68" s="29"/>
      <c r="C68" s="2" t="s">
        <v>58</v>
      </c>
      <c r="D68" s="19">
        <v>57</v>
      </c>
      <c r="E68" s="20">
        <v>6</v>
      </c>
      <c r="F68" s="21">
        <v>46</v>
      </c>
      <c r="G68" s="22">
        <v>5</v>
      </c>
    </row>
    <row r="69" spans="2:7" x14ac:dyDescent="0.2">
      <c r="B69" s="29"/>
      <c r="C69" s="7"/>
      <c r="D69" s="23">
        <v>100</v>
      </c>
      <c r="E69" s="24">
        <v>10.5</v>
      </c>
      <c r="F69" s="25">
        <v>80.7</v>
      </c>
      <c r="G69" s="26">
        <v>8.8000000000000007</v>
      </c>
    </row>
    <row r="70" spans="2:7" x14ac:dyDescent="0.2">
      <c r="B70" s="29"/>
      <c r="C70" s="2" t="s">
        <v>68</v>
      </c>
      <c r="D70" s="19">
        <v>65</v>
      </c>
      <c r="E70" s="20">
        <v>11</v>
      </c>
      <c r="F70" s="21">
        <v>46</v>
      </c>
      <c r="G70" s="22">
        <v>8</v>
      </c>
    </row>
    <row r="71" spans="2:7" x14ac:dyDescent="0.2">
      <c r="B71" s="29"/>
      <c r="C71" s="7"/>
      <c r="D71" s="23">
        <v>100</v>
      </c>
      <c r="E71" s="24">
        <v>16.899999999999999</v>
      </c>
      <c r="F71" s="25">
        <v>70.8</v>
      </c>
      <c r="G71" s="26">
        <v>12.3</v>
      </c>
    </row>
    <row r="72" spans="2:7" x14ac:dyDescent="0.2">
      <c r="B72" s="29"/>
      <c r="C72" s="2" t="s">
        <v>59</v>
      </c>
      <c r="D72" s="19">
        <v>1</v>
      </c>
      <c r="E72" s="20" t="s">
        <v>152</v>
      </c>
      <c r="F72" s="21">
        <v>1</v>
      </c>
      <c r="G72" s="22" t="s">
        <v>152</v>
      </c>
    </row>
    <row r="73" spans="2:7" x14ac:dyDescent="0.2">
      <c r="B73" s="29"/>
      <c r="C73" s="7"/>
      <c r="D73" s="23">
        <v>100</v>
      </c>
      <c r="E73" s="24" t="s">
        <v>152</v>
      </c>
      <c r="F73" s="25">
        <v>100</v>
      </c>
      <c r="G73" s="26" t="s">
        <v>152</v>
      </c>
    </row>
    <row r="74" spans="2:7" x14ac:dyDescent="0.2">
      <c r="B74" s="29"/>
      <c r="C74" s="2" t="s">
        <v>69</v>
      </c>
      <c r="D74" s="19">
        <v>29</v>
      </c>
      <c r="E74" s="20">
        <v>8</v>
      </c>
      <c r="F74" s="21">
        <v>20</v>
      </c>
      <c r="G74" s="22">
        <v>1</v>
      </c>
    </row>
    <row r="75" spans="2:7" x14ac:dyDescent="0.2">
      <c r="B75" s="29"/>
      <c r="C75" s="7"/>
      <c r="D75" s="23">
        <v>100</v>
      </c>
      <c r="E75" s="24">
        <v>27.6</v>
      </c>
      <c r="F75" s="25">
        <v>69</v>
      </c>
      <c r="G75" s="26">
        <v>3.4</v>
      </c>
    </row>
    <row r="76" spans="2:7" x14ac:dyDescent="0.2">
      <c r="B76" s="29"/>
      <c r="C76" s="2" t="s">
        <v>149</v>
      </c>
      <c r="D76" s="19">
        <v>30</v>
      </c>
      <c r="E76" s="20">
        <v>8</v>
      </c>
      <c r="F76" s="21">
        <v>21</v>
      </c>
      <c r="G76" s="22">
        <v>1</v>
      </c>
    </row>
    <row r="77" spans="2:7" x14ac:dyDescent="0.2">
      <c r="B77" s="29"/>
      <c r="C77" s="7"/>
      <c r="D77" s="23">
        <v>100</v>
      </c>
      <c r="E77" s="24">
        <v>26.666666666666668</v>
      </c>
      <c r="F77" s="25">
        <v>70</v>
      </c>
      <c r="G77" s="26">
        <v>3.3333333333333335</v>
      </c>
    </row>
    <row r="78" spans="2:7" x14ac:dyDescent="0.2">
      <c r="B78" s="29"/>
      <c r="C78" s="2" t="s">
        <v>70</v>
      </c>
      <c r="D78" s="19">
        <v>64</v>
      </c>
      <c r="E78" s="20">
        <v>10</v>
      </c>
      <c r="F78" s="21">
        <v>53</v>
      </c>
      <c r="G78" s="22">
        <v>1</v>
      </c>
    </row>
    <row r="79" spans="2:7" x14ac:dyDescent="0.2">
      <c r="B79" s="29"/>
      <c r="C79" s="7"/>
      <c r="D79" s="23">
        <v>100</v>
      </c>
      <c r="E79" s="24">
        <v>15.6</v>
      </c>
      <c r="F79" s="25">
        <v>82.8</v>
      </c>
      <c r="G79" s="26">
        <v>1.6</v>
      </c>
    </row>
    <row r="80" spans="2:7" x14ac:dyDescent="0.2">
      <c r="B80" s="29"/>
      <c r="C80" s="2" t="s">
        <v>71</v>
      </c>
      <c r="D80" s="19">
        <v>112</v>
      </c>
      <c r="E80" s="20">
        <v>16</v>
      </c>
      <c r="F80" s="21">
        <v>87</v>
      </c>
      <c r="G80" s="22">
        <v>9</v>
      </c>
    </row>
    <row r="81" spans="2:7" x14ac:dyDescent="0.2">
      <c r="B81" s="29"/>
      <c r="C81" s="7"/>
      <c r="D81" s="23">
        <v>100</v>
      </c>
      <c r="E81" s="24">
        <v>14.3</v>
      </c>
      <c r="F81" s="25">
        <v>77.7</v>
      </c>
      <c r="G81" s="26">
        <v>8</v>
      </c>
    </row>
    <row r="82" spans="2:7" x14ac:dyDescent="0.2">
      <c r="B82" s="29"/>
      <c r="C82" s="2" t="s">
        <v>72</v>
      </c>
      <c r="D82" s="19">
        <v>137</v>
      </c>
      <c r="E82" s="20">
        <v>15</v>
      </c>
      <c r="F82" s="21">
        <v>115</v>
      </c>
      <c r="G82" s="22">
        <v>7</v>
      </c>
    </row>
    <row r="83" spans="2:7" x14ac:dyDescent="0.2">
      <c r="B83" s="29"/>
      <c r="C83" s="7"/>
      <c r="D83" s="23">
        <v>100</v>
      </c>
      <c r="E83" s="24">
        <v>10.9</v>
      </c>
      <c r="F83" s="25">
        <v>83.9</v>
      </c>
      <c r="G83" s="26">
        <v>5.0999999999999996</v>
      </c>
    </row>
    <row r="84" spans="2:7" x14ac:dyDescent="0.2">
      <c r="B84" s="29"/>
      <c r="C84" s="2" t="s">
        <v>73</v>
      </c>
      <c r="D84" s="19">
        <v>112</v>
      </c>
      <c r="E84" s="20">
        <v>13</v>
      </c>
      <c r="F84" s="21">
        <v>85</v>
      </c>
      <c r="G84" s="22">
        <v>14</v>
      </c>
    </row>
    <row r="85" spans="2:7" x14ac:dyDescent="0.2">
      <c r="B85" s="29"/>
      <c r="C85" s="7"/>
      <c r="D85" s="23">
        <v>100</v>
      </c>
      <c r="E85" s="24">
        <v>11.6</v>
      </c>
      <c r="F85" s="25">
        <v>75.900000000000006</v>
      </c>
      <c r="G85" s="26">
        <v>12.5</v>
      </c>
    </row>
    <row r="86" spans="2:7" x14ac:dyDescent="0.2">
      <c r="B86" s="29"/>
      <c r="C86" s="2" t="s">
        <v>60</v>
      </c>
      <c r="D86" s="19">
        <v>66</v>
      </c>
      <c r="E86" s="20">
        <v>14</v>
      </c>
      <c r="F86" s="21">
        <v>42</v>
      </c>
      <c r="G86" s="22">
        <v>10</v>
      </c>
    </row>
    <row r="87" spans="2:7" x14ac:dyDescent="0.2">
      <c r="B87" s="29"/>
      <c r="C87" s="7"/>
      <c r="D87" s="23">
        <v>100</v>
      </c>
      <c r="E87" s="24">
        <v>21.2</v>
      </c>
      <c r="F87" s="25">
        <v>63.6</v>
      </c>
      <c r="G87" s="26">
        <v>15.2</v>
      </c>
    </row>
    <row r="88" spans="2:7" x14ac:dyDescent="0.2">
      <c r="B88" s="29"/>
      <c r="C88" s="2" t="s">
        <v>74</v>
      </c>
      <c r="D88" s="19">
        <v>83</v>
      </c>
      <c r="E88" s="20">
        <v>21</v>
      </c>
      <c r="F88" s="21">
        <v>48</v>
      </c>
      <c r="G88" s="22">
        <v>14</v>
      </c>
    </row>
    <row r="89" spans="2:7" x14ac:dyDescent="0.2">
      <c r="B89" s="29"/>
      <c r="C89" s="7"/>
      <c r="D89" s="23">
        <v>100</v>
      </c>
      <c r="E89" s="24">
        <v>25.3</v>
      </c>
      <c r="F89" s="25">
        <v>57.8</v>
      </c>
      <c r="G89" s="26">
        <v>16.899999999999999</v>
      </c>
    </row>
    <row r="90" spans="2:7" x14ac:dyDescent="0.2">
      <c r="B90" s="29"/>
      <c r="C90" s="2" t="s">
        <v>0</v>
      </c>
      <c r="D90" s="19">
        <v>75</v>
      </c>
      <c r="E90" s="20">
        <v>13</v>
      </c>
      <c r="F90" s="21">
        <v>49</v>
      </c>
      <c r="G90" s="22">
        <v>13</v>
      </c>
    </row>
    <row r="91" spans="2:7" x14ac:dyDescent="0.2">
      <c r="B91" s="29"/>
      <c r="C91" s="7"/>
      <c r="D91" s="23">
        <v>100</v>
      </c>
      <c r="E91" s="24">
        <v>17.3</v>
      </c>
      <c r="F91" s="25">
        <v>65.3</v>
      </c>
      <c r="G91" s="26">
        <v>17.3</v>
      </c>
    </row>
    <row r="92" spans="2:7" x14ac:dyDescent="0.2">
      <c r="B92" s="28" t="s">
        <v>32</v>
      </c>
      <c r="C92" s="9" t="s">
        <v>12</v>
      </c>
      <c r="D92" s="11">
        <v>1241</v>
      </c>
      <c r="E92" s="12">
        <v>187</v>
      </c>
      <c r="F92" s="13">
        <v>951</v>
      </c>
      <c r="G92" s="14">
        <v>103</v>
      </c>
    </row>
    <row r="93" spans="2:7" x14ac:dyDescent="0.2">
      <c r="B93" s="29"/>
      <c r="C93" s="8"/>
      <c r="D93" s="15">
        <v>100</v>
      </c>
      <c r="E93" s="16">
        <v>15.1</v>
      </c>
      <c r="F93" s="17">
        <v>76.599999999999994</v>
      </c>
      <c r="G93" s="18">
        <v>8.3000000000000007</v>
      </c>
    </row>
    <row r="94" spans="2:7" x14ac:dyDescent="0.2">
      <c r="B94" s="29"/>
      <c r="C94" s="2" t="s">
        <v>21</v>
      </c>
      <c r="D94" s="19">
        <v>65</v>
      </c>
      <c r="E94" s="20">
        <v>7</v>
      </c>
      <c r="F94" s="21">
        <v>51</v>
      </c>
      <c r="G94" s="22">
        <v>7</v>
      </c>
    </row>
    <row r="95" spans="2:7" x14ac:dyDescent="0.2">
      <c r="B95" s="29"/>
      <c r="C95" s="7"/>
      <c r="D95" s="23">
        <v>100</v>
      </c>
      <c r="E95" s="24">
        <v>10.8</v>
      </c>
      <c r="F95" s="25">
        <v>78.5</v>
      </c>
      <c r="G95" s="26">
        <v>10.8</v>
      </c>
    </row>
    <row r="96" spans="2:7" x14ac:dyDescent="0.2">
      <c r="B96" s="29"/>
      <c r="C96" s="2" t="s">
        <v>20</v>
      </c>
      <c r="D96" s="19">
        <v>7</v>
      </c>
      <c r="E96" s="20">
        <v>2</v>
      </c>
      <c r="F96" s="21">
        <v>5</v>
      </c>
      <c r="G96" s="22" t="s">
        <v>152</v>
      </c>
    </row>
    <row r="97" spans="2:7" x14ac:dyDescent="0.2">
      <c r="B97" s="29"/>
      <c r="C97" s="7"/>
      <c r="D97" s="23">
        <v>100</v>
      </c>
      <c r="E97" s="24">
        <v>28.6</v>
      </c>
      <c r="F97" s="25">
        <v>71.400000000000006</v>
      </c>
      <c r="G97" s="26" t="s">
        <v>152</v>
      </c>
    </row>
    <row r="98" spans="2:7" x14ac:dyDescent="0.2">
      <c r="B98" s="29"/>
      <c r="C98" s="2" t="s">
        <v>19</v>
      </c>
      <c r="D98" s="19">
        <v>484</v>
      </c>
      <c r="E98" s="20">
        <v>67</v>
      </c>
      <c r="F98" s="21">
        <v>398</v>
      </c>
      <c r="G98" s="22">
        <v>19</v>
      </c>
    </row>
    <row r="99" spans="2:7" x14ac:dyDescent="0.2">
      <c r="B99" s="29"/>
      <c r="C99" s="7"/>
      <c r="D99" s="23">
        <v>100</v>
      </c>
      <c r="E99" s="24">
        <v>13.8</v>
      </c>
      <c r="F99" s="25">
        <v>82.2</v>
      </c>
      <c r="G99" s="26">
        <v>3.9</v>
      </c>
    </row>
    <row r="100" spans="2:7" x14ac:dyDescent="0.2">
      <c r="B100" s="29"/>
      <c r="C100" s="2" t="s">
        <v>18</v>
      </c>
      <c r="D100" s="19">
        <v>195</v>
      </c>
      <c r="E100" s="20">
        <v>23</v>
      </c>
      <c r="F100" s="21">
        <v>156</v>
      </c>
      <c r="G100" s="22">
        <v>16</v>
      </c>
    </row>
    <row r="101" spans="2:7" x14ac:dyDescent="0.2">
      <c r="B101" s="29"/>
      <c r="C101" s="7"/>
      <c r="D101" s="23">
        <v>100</v>
      </c>
      <c r="E101" s="24">
        <v>11.8</v>
      </c>
      <c r="F101" s="25">
        <v>80</v>
      </c>
      <c r="G101" s="26">
        <v>8.1999999999999993</v>
      </c>
    </row>
    <row r="102" spans="2:7" x14ac:dyDescent="0.2">
      <c r="B102" s="29"/>
      <c r="C102" s="2" t="s">
        <v>17</v>
      </c>
      <c r="D102" s="19">
        <v>1</v>
      </c>
      <c r="E102" s="20" t="s">
        <v>152</v>
      </c>
      <c r="F102" s="21">
        <v>1</v>
      </c>
      <c r="G102" s="22" t="s">
        <v>152</v>
      </c>
    </row>
    <row r="103" spans="2:7" x14ac:dyDescent="0.2">
      <c r="B103" s="29"/>
      <c r="C103" s="7"/>
      <c r="D103" s="23">
        <v>100</v>
      </c>
      <c r="E103" s="24" t="s">
        <v>152</v>
      </c>
      <c r="F103" s="25">
        <v>100</v>
      </c>
      <c r="G103" s="26" t="s">
        <v>152</v>
      </c>
    </row>
    <row r="104" spans="2:7" x14ac:dyDescent="0.2">
      <c r="B104" s="29"/>
      <c r="C104" s="2" t="s">
        <v>151</v>
      </c>
      <c r="D104" s="19">
        <v>178</v>
      </c>
      <c r="E104" s="20">
        <v>34</v>
      </c>
      <c r="F104" s="21">
        <v>125</v>
      </c>
      <c r="G104" s="22">
        <v>19</v>
      </c>
    </row>
    <row r="105" spans="2:7" x14ac:dyDescent="0.2">
      <c r="B105" s="29"/>
      <c r="C105" s="7"/>
      <c r="D105" s="23">
        <v>100</v>
      </c>
      <c r="E105" s="24">
        <v>19.100000000000001</v>
      </c>
      <c r="F105" s="25">
        <v>70.2</v>
      </c>
      <c r="G105" s="26">
        <v>10.7</v>
      </c>
    </row>
    <row r="106" spans="2:7" x14ac:dyDescent="0.2">
      <c r="B106" s="29"/>
      <c r="C106" s="2" t="s">
        <v>16</v>
      </c>
      <c r="D106" s="19">
        <v>10</v>
      </c>
      <c r="E106" s="20">
        <v>4</v>
      </c>
      <c r="F106" s="21">
        <v>6</v>
      </c>
      <c r="G106" s="22" t="s">
        <v>152</v>
      </c>
    </row>
    <row r="107" spans="2:7" x14ac:dyDescent="0.2">
      <c r="B107" s="29"/>
      <c r="C107" s="7"/>
      <c r="D107" s="23">
        <v>100</v>
      </c>
      <c r="E107" s="24">
        <v>40</v>
      </c>
      <c r="F107" s="25">
        <v>60</v>
      </c>
      <c r="G107" s="26" t="s">
        <v>152</v>
      </c>
    </row>
    <row r="108" spans="2:7" x14ac:dyDescent="0.2">
      <c r="B108" s="29"/>
      <c r="C108" s="2" t="s">
        <v>15</v>
      </c>
      <c r="D108" s="19">
        <v>211</v>
      </c>
      <c r="E108" s="20">
        <v>35</v>
      </c>
      <c r="F108" s="21">
        <v>152</v>
      </c>
      <c r="G108" s="22">
        <v>24</v>
      </c>
    </row>
    <row r="109" spans="2:7" x14ac:dyDescent="0.2">
      <c r="B109" s="29"/>
      <c r="C109" s="7"/>
      <c r="D109" s="23">
        <v>100</v>
      </c>
      <c r="E109" s="24">
        <v>16.600000000000001</v>
      </c>
      <c r="F109" s="25">
        <v>72</v>
      </c>
      <c r="G109" s="26">
        <v>11.4</v>
      </c>
    </row>
    <row r="110" spans="2:7" x14ac:dyDescent="0.2">
      <c r="B110" s="29"/>
      <c r="C110" s="2" t="s">
        <v>14</v>
      </c>
      <c r="D110" s="19">
        <v>12</v>
      </c>
      <c r="E110" s="20">
        <v>1</v>
      </c>
      <c r="F110" s="21">
        <v>10</v>
      </c>
      <c r="G110" s="22">
        <v>1</v>
      </c>
    </row>
    <row r="111" spans="2:7" x14ac:dyDescent="0.2">
      <c r="B111" s="29"/>
      <c r="C111" s="7"/>
      <c r="D111" s="23">
        <v>100</v>
      </c>
      <c r="E111" s="24">
        <v>8.3000000000000007</v>
      </c>
      <c r="F111" s="25">
        <v>83.3</v>
      </c>
      <c r="G111" s="26">
        <v>8.3000000000000007</v>
      </c>
    </row>
    <row r="112" spans="2:7" x14ac:dyDescent="0.2">
      <c r="B112" s="29"/>
      <c r="C112" s="2" t="s">
        <v>13</v>
      </c>
      <c r="D112" s="19">
        <v>78</v>
      </c>
      <c r="E112" s="20">
        <v>14</v>
      </c>
      <c r="F112" s="21">
        <v>47</v>
      </c>
      <c r="G112" s="22">
        <v>17</v>
      </c>
    </row>
    <row r="113" spans="2:7" x14ac:dyDescent="0.2">
      <c r="B113" s="30"/>
      <c r="C113" s="10"/>
      <c r="D113" s="15">
        <v>100</v>
      </c>
      <c r="E113" s="16">
        <v>17.899999999999999</v>
      </c>
      <c r="F113" s="17">
        <v>60.3</v>
      </c>
      <c r="G113" s="18">
        <v>21.8</v>
      </c>
    </row>
    <row r="114" spans="2:7" x14ac:dyDescent="0.2">
      <c r="B114" s="28" t="s">
        <v>31</v>
      </c>
      <c r="C114" s="9" t="s">
        <v>12</v>
      </c>
      <c r="D114" s="11">
        <v>752</v>
      </c>
      <c r="E114" s="12">
        <v>99</v>
      </c>
      <c r="F114" s="13">
        <v>611</v>
      </c>
      <c r="G114" s="14">
        <v>42</v>
      </c>
    </row>
    <row r="115" spans="2:7" x14ac:dyDescent="0.2">
      <c r="B115" s="29"/>
      <c r="C115" s="8"/>
      <c r="D115" s="15">
        <v>100</v>
      </c>
      <c r="E115" s="16">
        <v>13.2</v>
      </c>
      <c r="F115" s="17">
        <v>81.3</v>
      </c>
      <c r="G115" s="18">
        <v>5.6</v>
      </c>
    </row>
    <row r="116" spans="2:7" x14ac:dyDescent="0.2">
      <c r="B116" s="29"/>
      <c r="C116" s="2" t="s">
        <v>11</v>
      </c>
      <c r="D116" s="19">
        <v>2</v>
      </c>
      <c r="E116" s="20">
        <v>1</v>
      </c>
      <c r="F116" s="21">
        <v>1</v>
      </c>
      <c r="G116" s="22" t="s">
        <v>152</v>
      </c>
    </row>
    <row r="117" spans="2:7" x14ac:dyDescent="0.2">
      <c r="B117" s="29"/>
      <c r="C117" s="7"/>
      <c r="D117" s="23">
        <v>100</v>
      </c>
      <c r="E117" s="24">
        <v>50</v>
      </c>
      <c r="F117" s="25">
        <v>50</v>
      </c>
      <c r="G117" s="26" t="s">
        <v>152</v>
      </c>
    </row>
    <row r="118" spans="2:7" x14ac:dyDescent="0.2">
      <c r="B118" s="29"/>
      <c r="C118" s="2" t="s">
        <v>10</v>
      </c>
      <c r="D118" s="19">
        <v>32</v>
      </c>
      <c r="E118" s="20">
        <v>2</v>
      </c>
      <c r="F118" s="21">
        <v>26</v>
      </c>
      <c r="G118" s="22">
        <v>4</v>
      </c>
    </row>
    <row r="119" spans="2:7" x14ac:dyDescent="0.2">
      <c r="B119" s="29"/>
      <c r="C119" s="7"/>
      <c r="D119" s="23">
        <v>100</v>
      </c>
      <c r="E119" s="24">
        <v>6.3</v>
      </c>
      <c r="F119" s="25">
        <v>81.3</v>
      </c>
      <c r="G119" s="26">
        <v>12.5</v>
      </c>
    </row>
    <row r="120" spans="2:7" x14ac:dyDescent="0.2">
      <c r="B120" s="29"/>
      <c r="C120" s="2" t="s">
        <v>9</v>
      </c>
      <c r="D120" s="19">
        <v>33</v>
      </c>
      <c r="E120" s="20">
        <v>5</v>
      </c>
      <c r="F120" s="21">
        <v>25</v>
      </c>
      <c r="G120" s="22">
        <v>3</v>
      </c>
    </row>
    <row r="121" spans="2:7" x14ac:dyDescent="0.2">
      <c r="B121" s="29"/>
      <c r="C121" s="7"/>
      <c r="D121" s="23">
        <v>100</v>
      </c>
      <c r="E121" s="24">
        <v>15.2</v>
      </c>
      <c r="F121" s="25">
        <v>75.8</v>
      </c>
      <c r="G121" s="26">
        <v>9.1</v>
      </c>
    </row>
    <row r="122" spans="2:7" x14ac:dyDescent="0.2">
      <c r="B122" s="29"/>
      <c r="C122" s="2" t="s">
        <v>8</v>
      </c>
      <c r="D122" s="19">
        <v>71</v>
      </c>
      <c r="E122" s="20">
        <v>11</v>
      </c>
      <c r="F122" s="21">
        <v>59</v>
      </c>
      <c r="G122" s="22">
        <v>1</v>
      </c>
    </row>
    <row r="123" spans="2:7" x14ac:dyDescent="0.2">
      <c r="B123" s="29"/>
      <c r="C123" s="7"/>
      <c r="D123" s="23">
        <v>100</v>
      </c>
      <c r="E123" s="24">
        <v>15.5</v>
      </c>
      <c r="F123" s="25">
        <v>83.1</v>
      </c>
      <c r="G123" s="26">
        <v>1.4</v>
      </c>
    </row>
    <row r="124" spans="2:7" x14ac:dyDescent="0.2">
      <c r="B124" s="29"/>
      <c r="C124" s="2" t="s">
        <v>7</v>
      </c>
      <c r="D124" s="19">
        <v>152</v>
      </c>
      <c r="E124" s="20">
        <v>21</v>
      </c>
      <c r="F124" s="21">
        <v>123</v>
      </c>
      <c r="G124" s="22">
        <v>8</v>
      </c>
    </row>
    <row r="125" spans="2:7" x14ac:dyDescent="0.2">
      <c r="B125" s="29"/>
      <c r="C125" s="7"/>
      <c r="D125" s="23">
        <v>100</v>
      </c>
      <c r="E125" s="24">
        <v>13.8</v>
      </c>
      <c r="F125" s="25">
        <v>80.900000000000006</v>
      </c>
      <c r="G125" s="26">
        <v>5.3</v>
      </c>
    </row>
    <row r="126" spans="2:7" x14ac:dyDescent="0.2">
      <c r="B126" s="29"/>
      <c r="C126" s="2" t="s">
        <v>6</v>
      </c>
      <c r="D126" s="19">
        <v>176</v>
      </c>
      <c r="E126" s="20">
        <v>21</v>
      </c>
      <c r="F126" s="21">
        <v>143</v>
      </c>
      <c r="G126" s="22">
        <v>12</v>
      </c>
    </row>
    <row r="127" spans="2:7" x14ac:dyDescent="0.2">
      <c r="B127" s="29"/>
      <c r="C127" s="7"/>
      <c r="D127" s="23">
        <v>100</v>
      </c>
      <c r="E127" s="24">
        <v>11.9</v>
      </c>
      <c r="F127" s="25">
        <v>81.3</v>
      </c>
      <c r="G127" s="26">
        <v>6.8</v>
      </c>
    </row>
    <row r="128" spans="2:7" x14ac:dyDescent="0.2">
      <c r="B128" s="29"/>
      <c r="C128" s="2" t="s">
        <v>5</v>
      </c>
      <c r="D128" s="19">
        <v>37</v>
      </c>
      <c r="E128" s="20">
        <v>8</v>
      </c>
      <c r="F128" s="21">
        <v>28</v>
      </c>
      <c r="G128" s="22">
        <v>1</v>
      </c>
    </row>
    <row r="129" spans="2:7" x14ac:dyDescent="0.2">
      <c r="B129" s="29"/>
      <c r="C129" s="7"/>
      <c r="D129" s="23">
        <v>100</v>
      </c>
      <c r="E129" s="24">
        <v>21.6</v>
      </c>
      <c r="F129" s="25">
        <v>75.7</v>
      </c>
      <c r="G129" s="26">
        <v>2.7</v>
      </c>
    </row>
    <row r="130" spans="2:7" x14ac:dyDescent="0.2">
      <c r="B130" s="29"/>
      <c r="C130" s="2" t="s">
        <v>4</v>
      </c>
      <c r="D130" s="19">
        <v>67</v>
      </c>
      <c r="E130" s="20">
        <v>12</v>
      </c>
      <c r="F130" s="21">
        <v>55</v>
      </c>
      <c r="G130" s="22" t="s">
        <v>152</v>
      </c>
    </row>
    <row r="131" spans="2:7" x14ac:dyDescent="0.2">
      <c r="B131" s="29"/>
      <c r="C131" s="7"/>
      <c r="D131" s="23">
        <v>100</v>
      </c>
      <c r="E131" s="24">
        <v>17.899999999999999</v>
      </c>
      <c r="F131" s="25">
        <v>82.1</v>
      </c>
      <c r="G131" s="26" t="s">
        <v>152</v>
      </c>
    </row>
    <row r="132" spans="2:7" x14ac:dyDescent="0.2">
      <c r="B132" s="29"/>
      <c r="C132" s="2" t="s">
        <v>3</v>
      </c>
      <c r="D132" s="19">
        <v>159</v>
      </c>
      <c r="E132" s="20">
        <v>15</v>
      </c>
      <c r="F132" s="21">
        <v>133</v>
      </c>
      <c r="G132" s="22">
        <v>11</v>
      </c>
    </row>
    <row r="133" spans="2:7" x14ac:dyDescent="0.2">
      <c r="B133" s="29"/>
      <c r="C133" s="7"/>
      <c r="D133" s="23">
        <v>100</v>
      </c>
      <c r="E133" s="24">
        <v>9.4</v>
      </c>
      <c r="F133" s="25">
        <v>83.6</v>
      </c>
      <c r="G133" s="26">
        <v>6.9</v>
      </c>
    </row>
    <row r="134" spans="2:7" x14ac:dyDescent="0.2">
      <c r="B134" s="29"/>
      <c r="C134" s="2" t="s">
        <v>2</v>
      </c>
      <c r="D134" s="19">
        <v>23</v>
      </c>
      <c r="E134" s="20">
        <v>3</v>
      </c>
      <c r="F134" s="21">
        <v>18</v>
      </c>
      <c r="G134" s="22">
        <v>2</v>
      </c>
    </row>
    <row r="135" spans="2:7" x14ac:dyDescent="0.2">
      <c r="B135" s="30"/>
      <c r="C135" s="10"/>
      <c r="D135" s="15">
        <v>100</v>
      </c>
      <c r="E135" s="16">
        <v>13</v>
      </c>
      <c r="F135" s="17">
        <v>78.3</v>
      </c>
      <c r="G135" s="18">
        <v>8.699999999999999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5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60</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187</v>
      </c>
      <c r="F4" s="13">
        <v>951</v>
      </c>
      <c r="G4" s="14">
        <v>103</v>
      </c>
    </row>
    <row r="5" spans="2:7" x14ac:dyDescent="0.2">
      <c r="B5" s="29"/>
      <c r="C5" s="8"/>
      <c r="D5" s="15">
        <v>100</v>
      </c>
      <c r="E5" s="16">
        <v>15.1</v>
      </c>
      <c r="F5" s="17">
        <v>76.599999999999994</v>
      </c>
      <c r="G5" s="18">
        <v>8.3000000000000007</v>
      </c>
    </row>
    <row r="6" spans="2:7" x14ac:dyDescent="0.2">
      <c r="B6" s="29"/>
      <c r="C6" s="2" t="s">
        <v>52</v>
      </c>
      <c r="D6" s="19">
        <v>557</v>
      </c>
      <c r="E6" s="20">
        <v>77</v>
      </c>
      <c r="F6" s="21">
        <v>425</v>
      </c>
      <c r="G6" s="22">
        <v>55</v>
      </c>
    </row>
    <row r="7" spans="2:7" x14ac:dyDescent="0.2">
      <c r="B7" s="29"/>
      <c r="C7" s="7"/>
      <c r="D7" s="23">
        <v>100</v>
      </c>
      <c r="E7" s="24">
        <v>13.8</v>
      </c>
      <c r="F7" s="25">
        <v>76.3</v>
      </c>
      <c r="G7" s="26">
        <v>9.9</v>
      </c>
    </row>
    <row r="8" spans="2:7" x14ac:dyDescent="0.2">
      <c r="B8" s="29"/>
      <c r="C8" s="2" t="s">
        <v>51</v>
      </c>
      <c r="D8" s="19">
        <v>595</v>
      </c>
      <c r="E8" s="20">
        <v>93</v>
      </c>
      <c r="F8" s="21">
        <v>470</v>
      </c>
      <c r="G8" s="22">
        <v>32</v>
      </c>
    </row>
    <row r="9" spans="2:7" x14ac:dyDescent="0.2">
      <c r="B9" s="29"/>
      <c r="C9" s="7"/>
      <c r="D9" s="23">
        <v>100</v>
      </c>
      <c r="E9" s="24">
        <v>15.6</v>
      </c>
      <c r="F9" s="25">
        <v>79</v>
      </c>
      <c r="G9" s="26">
        <v>5.4</v>
      </c>
    </row>
    <row r="10" spans="2:7" x14ac:dyDescent="0.2">
      <c r="B10" s="29"/>
      <c r="C10" s="2" t="s">
        <v>13</v>
      </c>
      <c r="D10" s="19">
        <v>89</v>
      </c>
      <c r="E10" s="20">
        <v>17</v>
      </c>
      <c r="F10" s="21">
        <v>56</v>
      </c>
      <c r="G10" s="22">
        <v>16</v>
      </c>
    </row>
    <row r="11" spans="2:7" x14ac:dyDescent="0.2">
      <c r="B11" s="30"/>
      <c r="C11" s="10"/>
      <c r="D11" s="15">
        <v>100</v>
      </c>
      <c r="E11" s="16">
        <v>19.100000000000001</v>
      </c>
      <c r="F11" s="17">
        <v>62.9</v>
      </c>
      <c r="G11" s="18">
        <v>18</v>
      </c>
    </row>
    <row r="12" spans="2:7" x14ac:dyDescent="0.2">
      <c r="B12" s="28" t="s">
        <v>54</v>
      </c>
      <c r="C12" s="9" t="s">
        <v>12</v>
      </c>
      <c r="D12" s="11">
        <v>1241</v>
      </c>
      <c r="E12" s="12">
        <v>187</v>
      </c>
      <c r="F12" s="13">
        <v>951</v>
      </c>
      <c r="G12" s="14">
        <v>103</v>
      </c>
    </row>
    <row r="13" spans="2:7" x14ac:dyDescent="0.2">
      <c r="B13" s="29"/>
      <c r="C13" s="8"/>
      <c r="D13" s="15">
        <v>100</v>
      </c>
      <c r="E13" s="16">
        <v>15.1</v>
      </c>
      <c r="F13" s="17">
        <v>76.599999999999994</v>
      </c>
      <c r="G13" s="18">
        <v>8.3000000000000007</v>
      </c>
    </row>
    <row r="14" spans="2:7" x14ac:dyDescent="0.2">
      <c r="B14" s="29"/>
      <c r="C14" s="2" t="s">
        <v>50</v>
      </c>
      <c r="D14" s="19">
        <v>84</v>
      </c>
      <c r="E14" s="20">
        <v>18</v>
      </c>
      <c r="F14" s="21">
        <v>66</v>
      </c>
      <c r="G14" s="22" t="s">
        <v>152</v>
      </c>
    </row>
    <row r="15" spans="2:7" x14ac:dyDescent="0.2">
      <c r="B15" s="29"/>
      <c r="C15" s="7"/>
      <c r="D15" s="23">
        <v>100</v>
      </c>
      <c r="E15" s="24">
        <v>21.4</v>
      </c>
      <c r="F15" s="25">
        <v>78.599999999999994</v>
      </c>
      <c r="G15" s="26" t="s">
        <v>152</v>
      </c>
    </row>
    <row r="16" spans="2:7" x14ac:dyDescent="0.2">
      <c r="B16" s="29"/>
      <c r="C16" s="2" t="s">
        <v>49</v>
      </c>
      <c r="D16" s="19">
        <v>97</v>
      </c>
      <c r="E16" s="20">
        <v>18</v>
      </c>
      <c r="F16" s="21">
        <v>78</v>
      </c>
      <c r="G16" s="22">
        <v>1</v>
      </c>
    </row>
    <row r="17" spans="2:7" x14ac:dyDescent="0.2">
      <c r="B17" s="29"/>
      <c r="C17" s="7"/>
      <c r="D17" s="23">
        <v>100</v>
      </c>
      <c r="E17" s="24">
        <v>18.600000000000001</v>
      </c>
      <c r="F17" s="25">
        <v>80.400000000000006</v>
      </c>
      <c r="G17" s="26">
        <v>1</v>
      </c>
    </row>
    <row r="18" spans="2:7" x14ac:dyDescent="0.2">
      <c r="B18" s="29"/>
      <c r="C18" s="2" t="s">
        <v>48</v>
      </c>
      <c r="D18" s="19">
        <v>79</v>
      </c>
      <c r="E18" s="20">
        <v>14</v>
      </c>
      <c r="F18" s="21">
        <v>61</v>
      </c>
      <c r="G18" s="22">
        <v>4</v>
      </c>
    </row>
    <row r="19" spans="2:7" x14ac:dyDescent="0.2">
      <c r="B19" s="29"/>
      <c r="C19" s="7"/>
      <c r="D19" s="23">
        <v>100</v>
      </c>
      <c r="E19" s="24">
        <v>17.7</v>
      </c>
      <c r="F19" s="25">
        <v>77.2</v>
      </c>
      <c r="G19" s="26">
        <v>5.0999999999999996</v>
      </c>
    </row>
    <row r="20" spans="2:7" x14ac:dyDescent="0.2">
      <c r="B20" s="29"/>
      <c r="C20" s="2" t="s">
        <v>47</v>
      </c>
      <c r="D20" s="19">
        <v>72</v>
      </c>
      <c r="E20" s="20">
        <v>8</v>
      </c>
      <c r="F20" s="21">
        <v>61</v>
      </c>
      <c r="G20" s="22">
        <v>3</v>
      </c>
    </row>
    <row r="21" spans="2:7" x14ac:dyDescent="0.2">
      <c r="B21" s="29"/>
      <c r="C21" s="7"/>
      <c r="D21" s="23">
        <v>100</v>
      </c>
      <c r="E21" s="24">
        <v>11.1</v>
      </c>
      <c r="F21" s="25">
        <v>84.7</v>
      </c>
      <c r="G21" s="26">
        <v>4.2</v>
      </c>
    </row>
    <row r="22" spans="2:7" x14ac:dyDescent="0.2">
      <c r="B22" s="29"/>
      <c r="C22" s="2" t="s">
        <v>46</v>
      </c>
      <c r="D22" s="19">
        <v>15</v>
      </c>
      <c r="E22" s="20">
        <v>4</v>
      </c>
      <c r="F22" s="21">
        <v>10</v>
      </c>
      <c r="G22" s="22">
        <v>1</v>
      </c>
    </row>
    <row r="23" spans="2:7" x14ac:dyDescent="0.2">
      <c r="B23" s="29"/>
      <c r="C23" s="7"/>
      <c r="D23" s="23">
        <v>100</v>
      </c>
      <c r="E23" s="24">
        <v>26.7</v>
      </c>
      <c r="F23" s="25">
        <v>66.7</v>
      </c>
      <c r="G23" s="26">
        <v>6.7</v>
      </c>
    </row>
    <row r="24" spans="2:7" x14ac:dyDescent="0.2">
      <c r="B24" s="29"/>
      <c r="C24" s="2" t="s">
        <v>45</v>
      </c>
      <c r="D24" s="19">
        <v>77</v>
      </c>
      <c r="E24" s="20">
        <v>3</v>
      </c>
      <c r="F24" s="21">
        <v>69</v>
      </c>
      <c r="G24" s="22">
        <v>5</v>
      </c>
    </row>
    <row r="25" spans="2:7" x14ac:dyDescent="0.2">
      <c r="B25" s="29"/>
      <c r="C25" s="7"/>
      <c r="D25" s="23">
        <v>100</v>
      </c>
      <c r="E25" s="24">
        <v>3.9</v>
      </c>
      <c r="F25" s="25">
        <v>89.6</v>
      </c>
      <c r="G25" s="26">
        <v>6.5</v>
      </c>
    </row>
    <row r="26" spans="2:7" x14ac:dyDescent="0.2">
      <c r="B26" s="29"/>
      <c r="C26" s="2" t="s">
        <v>44</v>
      </c>
      <c r="D26" s="19">
        <v>260</v>
      </c>
      <c r="E26" s="20">
        <v>31</v>
      </c>
      <c r="F26" s="21">
        <v>201</v>
      </c>
      <c r="G26" s="22">
        <v>28</v>
      </c>
    </row>
    <row r="27" spans="2:7" x14ac:dyDescent="0.2">
      <c r="B27" s="29"/>
      <c r="C27" s="7"/>
      <c r="D27" s="23">
        <v>100</v>
      </c>
      <c r="E27" s="24">
        <v>11.9</v>
      </c>
      <c r="F27" s="25">
        <v>77.3</v>
      </c>
      <c r="G27" s="26">
        <v>10.8</v>
      </c>
    </row>
    <row r="28" spans="2:7" x14ac:dyDescent="0.2">
      <c r="B28" s="29"/>
      <c r="C28" s="2" t="s">
        <v>43</v>
      </c>
      <c r="D28" s="19">
        <v>334</v>
      </c>
      <c r="E28" s="20">
        <v>55</v>
      </c>
      <c r="F28" s="21">
        <v>247</v>
      </c>
      <c r="G28" s="22">
        <v>32</v>
      </c>
    </row>
    <row r="29" spans="2:7" x14ac:dyDescent="0.2">
      <c r="B29" s="29"/>
      <c r="C29" s="7"/>
      <c r="D29" s="23">
        <v>100</v>
      </c>
      <c r="E29" s="24">
        <v>16.5</v>
      </c>
      <c r="F29" s="25">
        <v>74</v>
      </c>
      <c r="G29" s="26">
        <v>9.6</v>
      </c>
    </row>
    <row r="30" spans="2:7" x14ac:dyDescent="0.2">
      <c r="B30" s="29"/>
      <c r="C30" s="2" t="s">
        <v>14</v>
      </c>
      <c r="D30" s="19">
        <v>28</v>
      </c>
      <c r="E30" s="20">
        <v>3</v>
      </c>
      <c r="F30" s="21">
        <v>22</v>
      </c>
      <c r="G30" s="22">
        <v>3</v>
      </c>
    </row>
    <row r="31" spans="2:7" x14ac:dyDescent="0.2">
      <c r="B31" s="29"/>
      <c r="C31" s="7"/>
      <c r="D31" s="23">
        <v>100</v>
      </c>
      <c r="E31" s="24">
        <v>10.7</v>
      </c>
      <c r="F31" s="25">
        <v>78.599999999999994</v>
      </c>
      <c r="G31" s="26">
        <v>10.7</v>
      </c>
    </row>
    <row r="32" spans="2:7" x14ac:dyDescent="0.2">
      <c r="B32" s="29"/>
      <c r="C32" s="2" t="s">
        <v>42</v>
      </c>
      <c r="D32" s="19">
        <v>390</v>
      </c>
      <c r="E32" s="20">
        <v>55</v>
      </c>
      <c r="F32" s="21">
        <v>307</v>
      </c>
      <c r="G32" s="22">
        <v>28</v>
      </c>
    </row>
    <row r="33" spans="2:7" x14ac:dyDescent="0.2">
      <c r="B33" s="29"/>
      <c r="C33" s="7"/>
      <c r="D33" s="23">
        <v>100</v>
      </c>
      <c r="E33" s="24">
        <v>14.1</v>
      </c>
      <c r="F33" s="25">
        <v>78.7</v>
      </c>
      <c r="G33" s="26">
        <v>7.2</v>
      </c>
    </row>
    <row r="34" spans="2:7" x14ac:dyDescent="0.2">
      <c r="B34" s="29"/>
      <c r="C34" s="2" t="s">
        <v>13</v>
      </c>
      <c r="D34" s="19">
        <v>70</v>
      </c>
      <c r="E34" s="20">
        <v>16</v>
      </c>
      <c r="F34" s="21">
        <v>39</v>
      </c>
      <c r="G34" s="22">
        <v>15</v>
      </c>
    </row>
    <row r="35" spans="2:7" x14ac:dyDescent="0.2">
      <c r="B35" s="30"/>
      <c r="C35" s="10"/>
      <c r="D35" s="15">
        <v>100</v>
      </c>
      <c r="E35" s="16">
        <v>22.9</v>
      </c>
      <c r="F35" s="17">
        <v>55.7</v>
      </c>
      <c r="G35" s="18">
        <v>21.4</v>
      </c>
    </row>
    <row r="36" spans="2:7" x14ac:dyDescent="0.2">
      <c r="B36" s="28" t="s">
        <v>53</v>
      </c>
      <c r="C36" s="9" t="s">
        <v>12</v>
      </c>
      <c r="D36" s="11">
        <v>1241</v>
      </c>
      <c r="E36" s="12">
        <v>187</v>
      </c>
      <c r="F36" s="13">
        <v>951</v>
      </c>
      <c r="G36" s="14">
        <v>103</v>
      </c>
    </row>
    <row r="37" spans="2:7" x14ac:dyDescent="0.2">
      <c r="B37" s="29"/>
      <c r="C37" s="8"/>
      <c r="D37" s="15">
        <v>100</v>
      </c>
      <c r="E37" s="16">
        <v>15.1</v>
      </c>
      <c r="F37" s="17">
        <v>76.599999999999994</v>
      </c>
      <c r="G37" s="18">
        <v>8.3000000000000007</v>
      </c>
    </row>
    <row r="38" spans="2:7" x14ac:dyDescent="0.2">
      <c r="B38" s="29"/>
      <c r="C38" s="2" t="s">
        <v>41</v>
      </c>
      <c r="D38" s="19">
        <v>799</v>
      </c>
      <c r="E38" s="20">
        <v>108</v>
      </c>
      <c r="F38" s="21">
        <v>650</v>
      </c>
      <c r="G38" s="22">
        <v>41</v>
      </c>
    </row>
    <row r="39" spans="2:7" x14ac:dyDescent="0.2">
      <c r="B39" s="29"/>
      <c r="C39" s="7"/>
      <c r="D39" s="23">
        <v>100</v>
      </c>
      <c r="E39" s="24">
        <v>13.5</v>
      </c>
      <c r="F39" s="25">
        <v>81.400000000000006</v>
      </c>
      <c r="G39" s="26">
        <v>5.0999999999999996</v>
      </c>
    </row>
    <row r="40" spans="2:7" x14ac:dyDescent="0.2">
      <c r="B40" s="29"/>
      <c r="C40" s="2" t="s">
        <v>40</v>
      </c>
      <c r="D40" s="19">
        <v>182</v>
      </c>
      <c r="E40" s="20">
        <v>35</v>
      </c>
      <c r="F40" s="21">
        <v>127</v>
      </c>
      <c r="G40" s="22">
        <v>20</v>
      </c>
    </row>
    <row r="41" spans="2:7" x14ac:dyDescent="0.2">
      <c r="B41" s="29"/>
      <c r="C41" s="7"/>
      <c r="D41" s="23">
        <v>100</v>
      </c>
      <c r="E41" s="24">
        <v>19.2</v>
      </c>
      <c r="F41" s="25">
        <v>69.8</v>
      </c>
      <c r="G41" s="26">
        <v>11</v>
      </c>
    </row>
    <row r="42" spans="2:7" x14ac:dyDescent="0.2">
      <c r="B42" s="29"/>
      <c r="C42" s="2" t="s">
        <v>39</v>
      </c>
      <c r="D42" s="19">
        <v>72</v>
      </c>
      <c r="E42" s="20">
        <v>12</v>
      </c>
      <c r="F42" s="21">
        <v>51</v>
      </c>
      <c r="G42" s="22">
        <v>9</v>
      </c>
    </row>
    <row r="43" spans="2:7" x14ac:dyDescent="0.2">
      <c r="B43" s="29"/>
      <c r="C43" s="7"/>
      <c r="D43" s="23">
        <v>100</v>
      </c>
      <c r="E43" s="24">
        <v>16.7</v>
      </c>
      <c r="F43" s="25">
        <v>70.8</v>
      </c>
      <c r="G43" s="26">
        <v>12.5</v>
      </c>
    </row>
    <row r="44" spans="2:7" x14ac:dyDescent="0.2">
      <c r="B44" s="29"/>
      <c r="C44" s="2" t="s">
        <v>38</v>
      </c>
      <c r="D44" s="19">
        <v>127</v>
      </c>
      <c r="E44" s="20">
        <v>21</v>
      </c>
      <c r="F44" s="21">
        <v>87</v>
      </c>
      <c r="G44" s="22">
        <v>19</v>
      </c>
    </row>
    <row r="45" spans="2:7" x14ac:dyDescent="0.2">
      <c r="B45" s="29"/>
      <c r="C45" s="7"/>
      <c r="D45" s="23">
        <v>100</v>
      </c>
      <c r="E45" s="24">
        <v>16.5</v>
      </c>
      <c r="F45" s="25">
        <v>68.5</v>
      </c>
      <c r="G45" s="26">
        <v>15</v>
      </c>
    </row>
    <row r="46" spans="2:7" x14ac:dyDescent="0.2">
      <c r="B46" s="29"/>
      <c r="C46" s="2" t="s">
        <v>13</v>
      </c>
      <c r="D46" s="19">
        <v>61</v>
      </c>
      <c r="E46" s="20">
        <v>11</v>
      </c>
      <c r="F46" s="21">
        <v>36</v>
      </c>
      <c r="G46" s="22">
        <v>14</v>
      </c>
    </row>
    <row r="47" spans="2:7" x14ac:dyDescent="0.2">
      <c r="B47" s="30"/>
      <c r="C47" s="10"/>
      <c r="D47" s="15">
        <v>100</v>
      </c>
      <c r="E47" s="16">
        <v>18</v>
      </c>
      <c r="F47" s="17">
        <v>59</v>
      </c>
      <c r="G47" s="18">
        <v>23</v>
      </c>
    </row>
  </sheetData>
  <mergeCells count="3">
    <mergeCell ref="B4:B11"/>
    <mergeCell ref="B12:B35"/>
    <mergeCell ref="B36:B47"/>
  </mergeCells>
  <phoneticPr fontId="2"/>
  <pageMargins left="0.7" right="0.7" top="0.75" bottom="0.75" header="0.3" footer="0.3"/>
</worksheet>
</file>

<file path=xl/worksheets/sheet5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election activeCell="E1" sqref="E1"/>
    </sheetView>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59</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31">
        <v>1019</v>
      </c>
      <c r="F4" s="13">
        <v>145</v>
      </c>
      <c r="G4" s="14">
        <v>77</v>
      </c>
    </row>
    <row r="5" spans="2:7" x14ac:dyDescent="0.2">
      <c r="B5" s="29"/>
      <c r="C5" s="8"/>
      <c r="D5" s="15">
        <v>100</v>
      </c>
      <c r="E5" s="16">
        <v>82.1</v>
      </c>
      <c r="F5" s="17">
        <v>11.7</v>
      </c>
      <c r="G5" s="18">
        <v>6.2</v>
      </c>
    </row>
    <row r="6" spans="2:7" x14ac:dyDescent="0.2">
      <c r="B6" s="29"/>
      <c r="C6" s="2" t="s">
        <v>30</v>
      </c>
      <c r="D6" s="19">
        <v>499</v>
      </c>
      <c r="E6" s="20">
        <v>415</v>
      </c>
      <c r="F6" s="21">
        <v>63</v>
      </c>
      <c r="G6" s="22">
        <v>21</v>
      </c>
    </row>
    <row r="7" spans="2:7" x14ac:dyDescent="0.2">
      <c r="B7" s="29"/>
      <c r="C7" s="7"/>
      <c r="D7" s="23">
        <v>100</v>
      </c>
      <c r="E7" s="24">
        <v>83.2</v>
      </c>
      <c r="F7" s="25">
        <v>12.6</v>
      </c>
      <c r="G7" s="26">
        <v>4.2</v>
      </c>
    </row>
    <row r="8" spans="2:7" x14ac:dyDescent="0.2">
      <c r="B8" s="29"/>
      <c r="C8" s="2" t="s">
        <v>29</v>
      </c>
      <c r="D8" s="19">
        <v>150</v>
      </c>
      <c r="E8" s="20">
        <v>120</v>
      </c>
      <c r="F8" s="21">
        <v>19</v>
      </c>
      <c r="G8" s="22">
        <v>11</v>
      </c>
    </row>
    <row r="9" spans="2:7" x14ac:dyDescent="0.2">
      <c r="B9" s="29"/>
      <c r="C9" s="7"/>
      <c r="D9" s="23">
        <v>100</v>
      </c>
      <c r="E9" s="24">
        <v>80</v>
      </c>
      <c r="F9" s="25">
        <v>12.7</v>
      </c>
      <c r="G9" s="26">
        <v>7.3</v>
      </c>
    </row>
    <row r="10" spans="2:7" x14ac:dyDescent="0.2">
      <c r="B10" s="29"/>
      <c r="C10" s="2" t="s">
        <v>28</v>
      </c>
      <c r="D10" s="19">
        <v>82</v>
      </c>
      <c r="E10" s="20">
        <v>71</v>
      </c>
      <c r="F10" s="21">
        <v>7</v>
      </c>
      <c r="G10" s="22">
        <v>4</v>
      </c>
    </row>
    <row r="11" spans="2:7" x14ac:dyDescent="0.2">
      <c r="B11" s="29"/>
      <c r="C11" s="7"/>
      <c r="D11" s="23">
        <v>100</v>
      </c>
      <c r="E11" s="24">
        <v>86.6</v>
      </c>
      <c r="F11" s="25">
        <v>8.5</v>
      </c>
      <c r="G11" s="26">
        <v>4.9000000000000004</v>
      </c>
    </row>
    <row r="12" spans="2:7" x14ac:dyDescent="0.2">
      <c r="B12" s="29"/>
      <c r="C12" s="2" t="s">
        <v>27</v>
      </c>
      <c r="D12" s="19">
        <v>92</v>
      </c>
      <c r="E12" s="20">
        <v>70</v>
      </c>
      <c r="F12" s="21">
        <v>16</v>
      </c>
      <c r="G12" s="22">
        <v>6</v>
      </c>
    </row>
    <row r="13" spans="2:7" x14ac:dyDescent="0.2">
      <c r="B13" s="29"/>
      <c r="C13" s="7"/>
      <c r="D13" s="23">
        <v>100</v>
      </c>
      <c r="E13" s="24">
        <v>76.099999999999994</v>
      </c>
      <c r="F13" s="25">
        <v>17.399999999999999</v>
      </c>
      <c r="G13" s="26">
        <v>6.5</v>
      </c>
    </row>
    <row r="14" spans="2:7" x14ac:dyDescent="0.2">
      <c r="B14" s="29"/>
      <c r="C14" s="2" t="s">
        <v>26</v>
      </c>
      <c r="D14" s="19">
        <v>112</v>
      </c>
      <c r="E14" s="20">
        <v>87</v>
      </c>
      <c r="F14" s="21">
        <v>15</v>
      </c>
      <c r="G14" s="22">
        <v>10</v>
      </c>
    </row>
    <row r="15" spans="2:7" x14ac:dyDescent="0.2">
      <c r="B15" s="29"/>
      <c r="C15" s="7"/>
      <c r="D15" s="23">
        <v>100</v>
      </c>
      <c r="E15" s="24">
        <v>77.7</v>
      </c>
      <c r="F15" s="25">
        <v>13.4</v>
      </c>
      <c r="G15" s="26">
        <v>8.9</v>
      </c>
    </row>
    <row r="16" spans="2:7" x14ac:dyDescent="0.2">
      <c r="B16" s="29"/>
      <c r="C16" s="2" t="s">
        <v>25</v>
      </c>
      <c r="D16" s="19">
        <v>188</v>
      </c>
      <c r="E16" s="20">
        <v>156</v>
      </c>
      <c r="F16" s="21">
        <v>19</v>
      </c>
      <c r="G16" s="22">
        <v>13</v>
      </c>
    </row>
    <row r="17" spans="2:7" x14ac:dyDescent="0.2">
      <c r="B17" s="29"/>
      <c r="C17" s="7"/>
      <c r="D17" s="23">
        <v>100</v>
      </c>
      <c r="E17" s="24">
        <v>83</v>
      </c>
      <c r="F17" s="25">
        <v>10.1</v>
      </c>
      <c r="G17" s="26">
        <v>6.9</v>
      </c>
    </row>
    <row r="18" spans="2:7" x14ac:dyDescent="0.2">
      <c r="B18" s="29"/>
      <c r="C18" s="2" t="s">
        <v>24</v>
      </c>
      <c r="D18" s="19">
        <v>60</v>
      </c>
      <c r="E18" s="20">
        <v>54</v>
      </c>
      <c r="F18" s="21">
        <v>4</v>
      </c>
      <c r="G18" s="22">
        <v>2</v>
      </c>
    </row>
    <row r="19" spans="2:7" x14ac:dyDescent="0.2">
      <c r="B19" s="29"/>
      <c r="C19" s="7"/>
      <c r="D19" s="23">
        <v>100</v>
      </c>
      <c r="E19" s="24">
        <v>90</v>
      </c>
      <c r="F19" s="25">
        <v>6.7</v>
      </c>
      <c r="G19" s="26">
        <v>3.3</v>
      </c>
    </row>
    <row r="20" spans="2:7" x14ac:dyDescent="0.2">
      <c r="B20" s="29"/>
      <c r="C20" s="2" t="s">
        <v>13</v>
      </c>
      <c r="D20" s="19">
        <v>58</v>
      </c>
      <c r="E20" s="20">
        <v>46</v>
      </c>
      <c r="F20" s="21">
        <v>2</v>
      </c>
      <c r="G20" s="22">
        <v>10</v>
      </c>
    </row>
    <row r="21" spans="2:7" x14ac:dyDescent="0.2">
      <c r="B21" s="30"/>
      <c r="C21" s="10"/>
      <c r="D21" s="15">
        <v>100</v>
      </c>
      <c r="E21" s="16">
        <v>79.3</v>
      </c>
      <c r="F21" s="17">
        <v>3.4</v>
      </c>
      <c r="G21" s="18">
        <v>17.2</v>
      </c>
    </row>
    <row r="22" spans="2:7" x14ac:dyDescent="0.2">
      <c r="B22" s="28" t="s">
        <v>35</v>
      </c>
      <c r="C22" s="9" t="s">
        <v>12</v>
      </c>
      <c r="D22" s="11">
        <v>1241</v>
      </c>
      <c r="E22" s="31">
        <v>1019</v>
      </c>
      <c r="F22" s="13">
        <v>145</v>
      </c>
      <c r="G22" s="14">
        <v>77</v>
      </c>
    </row>
    <row r="23" spans="2:7" x14ac:dyDescent="0.2">
      <c r="B23" s="29"/>
      <c r="C23" s="8"/>
      <c r="D23" s="15">
        <v>100</v>
      </c>
      <c r="E23" s="16">
        <v>82.1</v>
      </c>
      <c r="F23" s="17">
        <v>11.7</v>
      </c>
      <c r="G23" s="18">
        <v>6.2</v>
      </c>
    </row>
    <row r="24" spans="2:7" x14ac:dyDescent="0.2">
      <c r="B24" s="29"/>
      <c r="C24" s="2" t="s">
        <v>23</v>
      </c>
      <c r="D24" s="19">
        <v>563</v>
      </c>
      <c r="E24" s="20">
        <v>456</v>
      </c>
      <c r="F24" s="21">
        <v>77</v>
      </c>
      <c r="G24" s="22">
        <v>30</v>
      </c>
    </row>
    <row r="25" spans="2:7" x14ac:dyDescent="0.2">
      <c r="B25" s="29"/>
      <c r="C25" s="7"/>
      <c r="D25" s="23">
        <v>100</v>
      </c>
      <c r="E25" s="24">
        <v>81</v>
      </c>
      <c r="F25" s="25">
        <v>13.7</v>
      </c>
      <c r="G25" s="26">
        <v>5.3</v>
      </c>
    </row>
    <row r="26" spans="2:7" x14ac:dyDescent="0.2">
      <c r="B26" s="29"/>
      <c r="C26" s="2" t="s">
        <v>22</v>
      </c>
      <c r="D26" s="19">
        <v>607</v>
      </c>
      <c r="E26" s="20">
        <v>504</v>
      </c>
      <c r="F26" s="21">
        <v>66</v>
      </c>
      <c r="G26" s="22">
        <v>37</v>
      </c>
    </row>
    <row r="27" spans="2:7" x14ac:dyDescent="0.2">
      <c r="B27" s="29"/>
      <c r="C27" s="7"/>
      <c r="D27" s="23">
        <v>100</v>
      </c>
      <c r="E27" s="24">
        <v>83</v>
      </c>
      <c r="F27" s="25">
        <v>10.9</v>
      </c>
      <c r="G27" s="26">
        <v>6.1</v>
      </c>
    </row>
    <row r="28" spans="2:7" x14ac:dyDescent="0.2">
      <c r="B28" s="29"/>
      <c r="C28" s="2" t="s">
        <v>13</v>
      </c>
      <c r="D28" s="19">
        <v>71</v>
      </c>
      <c r="E28" s="20">
        <v>59</v>
      </c>
      <c r="F28" s="21">
        <v>2</v>
      </c>
      <c r="G28" s="22">
        <v>10</v>
      </c>
    </row>
    <row r="29" spans="2:7" x14ac:dyDescent="0.2">
      <c r="B29" s="30"/>
      <c r="C29" s="10"/>
      <c r="D29" s="15">
        <v>100</v>
      </c>
      <c r="E29" s="16">
        <v>83.1</v>
      </c>
      <c r="F29" s="17">
        <v>2.8</v>
      </c>
      <c r="G29" s="18">
        <v>14.1</v>
      </c>
    </row>
    <row r="30" spans="2:7" x14ac:dyDescent="0.2">
      <c r="B30" s="28" t="s">
        <v>34</v>
      </c>
      <c r="C30" s="9" t="s">
        <v>12</v>
      </c>
      <c r="D30" s="11">
        <v>1241</v>
      </c>
      <c r="E30" s="31">
        <v>1019</v>
      </c>
      <c r="F30" s="13">
        <v>145</v>
      </c>
      <c r="G30" s="14">
        <v>77</v>
      </c>
    </row>
    <row r="31" spans="2:7" x14ac:dyDescent="0.2">
      <c r="B31" s="29"/>
      <c r="C31" s="8"/>
      <c r="D31" s="15">
        <v>100</v>
      </c>
      <c r="E31" s="16">
        <v>82.1</v>
      </c>
      <c r="F31" s="17">
        <v>11.7</v>
      </c>
      <c r="G31" s="18">
        <v>6.2</v>
      </c>
    </row>
    <row r="32" spans="2:7" x14ac:dyDescent="0.2">
      <c r="B32" s="29"/>
      <c r="C32" s="2" t="s">
        <v>76</v>
      </c>
      <c r="D32" s="19">
        <v>3</v>
      </c>
      <c r="E32" s="20">
        <v>3</v>
      </c>
      <c r="F32" s="21" t="s">
        <v>152</v>
      </c>
      <c r="G32" s="22" t="s">
        <v>152</v>
      </c>
    </row>
    <row r="33" spans="2:7" x14ac:dyDescent="0.2">
      <c r="B33" s="29"/>
      <c r="C33" s="7"/>
      <c r="D33" s="23">
        <v>100</v>
      </c>
      <c r="E33" s="24">
        <v>100</v>
      </c>
      <c r="F33" s="25" t="s">
        <v>152</v>
      </c>
      <c r="G33" s="26" t="s">
        <v>152</v>
      </c>
    </row>
    <row r="34" spans="2:7" x14ac:dyDescent="0.2">
      <c r="B34" s="29"/>
      <c r="C34" s="2" t="s">
        <v>78</v>
      </c>
      <c r="D34" s="19">
        <v>51</v>
      </c>
      <c r="E34" s="20">
        <v>44</v>
      </c>
      <c r="F34" s="21">
        <v>7</v>
      </c>
      <c r="G34" s="22" t="s">
        <v>152</v>
      </c>
    </row>
    <row r="35" spans="2:7" x14ac:dyDescent="0.2">
      <c r="B35" s="29"/>
      <c r="C35" s="7"/>
      <c r="D35" s="23">
        <v>100</v>
      </c>
      <c r="E35" s="24">
        <v>86.3</v>
      </c>
      <c r="F35" s="25">
        <v>13.7</v>
      </c>
      <c r="G35" s="26" t="s">
        <v>152</v>
      </c>
    </row>
    <row r="36" spans="2:7" x14ac:dyDescent="0.2">
      <c r="B36" s="29"/>
      <c r="C36" s="2" t="s">
        <v>147</v>
      </c>
      <c r="D36" s="19">
        <v>54</v>
      </c>
      <c r="E36" s="20">
        <v>47</v>
      </c>
      <c r="F36" s="21">
        <v>7</v>
      </c>
      <c r="G36" s="22" t="s">
        <v>152</v>
      </c>
    </row>
    <row r="37" spans="2:7" x14ac:dyDescent="0.2">
      <c r="B37" s="29"/>
      <c r="C37" s="7"/>
      <c r="D37" s="23">
        <v>100</v>
      </c>
      <c r="E37" s="24">
        <v>87.037037037037038</v>
      </c>
      <c r="F37" s="25">
        <v>12.962962962962962</v>
      </c>
      <c r="G37" s="26" t="s">
        <v>152</v>
      </c>
    </row>
    <row r="38" spans="2:7" x14ac:dyDescent="0.2">
      <c r="B38" s="29"/>
      <c r="C38" s="2" t="s">
        <v>80</v>
      </c>
      <c r="D38" s="19">
        <v>116</v>
      </c>
      <c r="E38" s="20">
        <v>98</v>
      </c>
      <c r="F38" s="21">
        <v>15</v>
      </c>
      <c r="G38" s="22">
        <v>3</v>
      </c>
    </row>
    <row r="39" spans="2:7" x14ac:dyDescent="0.2">
      <c r="B39" s="29"/>
      <c r="C39" s="7"/>
      <c r="D39" s="23">
        <v>100</v>
      </c>
      <c r="E39" s="24">
        <v>84.5</v>
      </c>
      <c r="F39" s="25">
        <v>12.9</v>
      </c>
      <c r="G39" s="26">
        <v>2.6</v>
      </c>
    </row>
    <row r="40" spans="2:7" x14ac:dyDescent="0.2">
      <c r="B40" s="29"/>
      <c r="C40" s="2" t="s">
        <v>82</v>
      </c>
      <c r="D40" s="19">
        <v>200</v>
      </c>
      <c r="E40" s="20">
        <v>162</v>
      </c>
      <c r="F40" s="21">
        <v>27</v>
      </c>
      <c r="G40" s="22">
        <v>11</v>
      </c>
    </row>
    <row r="41" spans="2:7" x14ac:dyDescent="0.2">
      <c r="B41" s="29"/>
      <c r="C41" s="7"/>
      <c r="D41" s="23">
        <v>100</v>
      </c>
      <c r="E41" s="24">
        <v>81</v>
      </c>
      <c r="F41" s="25">
        <v>13.5</v>
      </c>
      <c r="G41" s="26">
        <v>5.5</v>
      </c>
    </row>
    <row r="42" spans="2:7" x14ac:dyDescent="0.2">
      <c r="B42" s="29"/>
      <c r="C42" s="2" t="s">
        <v>84</v>
      </c>
      <c r="D42" s="19">
        <v>289</v>
      </c>
      <c r="E42" s="20">
        <v>235</v>
      </c>
      <c r="F42" s="21">
        <v>43</v>
      </c>
      <c r="G42" s="22">
        <v>11</v>
      </c>
    </row>
    <row r="43" spans="2:7" x14ac:dyDescent="0.2">
      <c r="B43" s="29"/>
      <c r="C43" s="7"/>
      <c r="D43" s="23">
        <v>100</v>
      </c>
      <c r="E43" s="24">
        <v>81.3</v>
      </c>
      <c r="F43" s="25">
        <v>14.9</v>
      </c>
      <c r="G43" s="26">
        <v>3.8</v>
      </c>
    </row>
    <row r="44" spans="2:7" x14ac:dyDescent="0.2">
      <c r="B44" s="29"/>
      <c r="C44" s="2" t="s">
        <v>86</v>
      </c>
      <c r="D44" s="19">
        <v>247</v>
      </c>
      <c r="E44" s="20">
        <v>205</v>
      </c>
      <c r="F44" s="21">
        <v>25</v>
      </c>
      <c r="G44" s="22">
        <v>17</v>
      </c>
    </row>
    <row r="45" spans="2:7" x14ac:dyDescent="0.2">
      <c r="B45" s="29"/>
      <c r="C45" s="7"/>
      <c r="D45" s="23">
        <v>100</v>
      </c>
      <c r="E45" s="24">
        <v>83</v>
      </c>
      <c r="F45" s="25">
        <v>10.1</v>
      </c>
      <c r="G45" s="26">
        <v>6.9</v>
      </c>
    </row>
    <row r="46" spans="2:7" x14ac:dyDescent="0.2">
      <c r="B46" s="29"/>
      <c r="C46" s="2" t="s">
        <v>88</v>
      </c>
      <c r="D46" s="19">
        <v>125</v>
      </c>
      <c r="E46" s="20">
        <v>101</v>
      </c>
      <c r="F46" s="21">
        <v>13</v>
      </c>
      <c r="G46" s="22">
        <v>11</v>
      </c>
    </row>
    <row r="47" spans="2:7" x14ac:dyDescent="0.2">
      <c r="B47" s="29"/>
      <c r="C47" s="7"/>
      <c r="D47" s="23">
        <v>100</v>
      </c>
      <c r="E47" s="24">
        <v>80.8</v>
      </c>
      <c r="F47" s="25">
        <v>10.4</v>
      </c>
      <c r="G47" s="26">
        <v>8.8000000000000007</v>
      </c>
    </row>
    <row r="48" spans="2:7" x14ac:dyDescent="0.2">
      <c r="B48" s="29"/>
      <c r="C48" s="2" t="s">
        <v>90</v>
      </c>
      <c r="D48" s="19">
        <v>150</v>
      </c>
      <c r="E48" s="20">
        <v>124</v>
      </c>
      <c r="F48" s="21">
        <v>13</v>
      </c>
      <c r="G48" s="22">
        <v>13</v>
      </c>
    </row>
    <row r="49" spans="2:7" x14ac:dyDescent="0.2">
      <c r="B49" s="29"/>
      <c r="C49" s="7"/>
      <c r="D49" s="23">
        <v>100</v>
      </c>
      <c r="E49" s="24">
        <v>82.7</v>
      </c>
      <c r="F49" s="25">
        <v>8.6999999999999993</v>
      </c>
      <c r="G49" s="26">
        <v>8.6999999999999993</v>
      </c>
    </row>
    <row r="50" spans="2:7" x14ac:dyDescent="0.2">
      <c r="B50" s="29"/>
      <c r="C50" s="2" t="s">
        <v>92</v>
      </c>
      <c r="D50" s="19">
        <v>60</v>
      </c>
      <c r="E50" s="20">
        <v>47</v>
      </c>
      <c r="F50" s="21">
        <v>2</v>
      </c>
      <c r="G50" s="22">
        <v>11</v>
      </c>
    </row>
    <row r="51" spans="2:7" x14ac:dyDescent="0.2">
      <c r="B51" s="29"/>
      <c r="C51" s="10"/>
      <c r="D51" s="23">
        <v>100</v>
      </c>
      <c r="E51" s="24">
        <v>78.3</v>
      </c>
      <c r="F51" s="25">
        <v>3.3</v>
      </c>
      <c r="G51" s="26">
        <v>18.3</v>
      </c>
    </row>
    <row r="52" spans="2:7" x14ac:dyDescent="0.2">
      <c r="B52" s="28" t="s">
        <v>33</v>
      </c>
      <c r="C52" s="9" t="s">
        <v>12</v>
      </c>
      <c r="D52" s="11">
        <v>1241</v>
      </c>
      <c r="E52" s="31">
        <v>1019</v>
      </c>
      <c r="F52" s="13">
        <v>145</v>
      </c>
      <c r="G52" s="14">
        <v>77</v>
      </c>
    </row>
    <row r="53" spans="2:7" x14ac:dyDescent="0.2">
      <c r="B53" s="29"/>
      <c r="C53" s="8"/>
      <c r="D53" s="15">
        <v>100</v>
      </c>
      <c r="E53" s="16">
        <v>82.1</v>
      </c>
      <c r="F53" s="17">
        <v>11.7</v>
      </c>
      <c r="G53" s="18">
        <v>6.2</v>
      </c>
    </row>
    <row r="54" spans="2:7" x14ac:dyDescent="0.2">
      <c r="B54" s="29"/>
      <c r="C54" s="2" t="s">
        <v>57</v>
      </c>
      <c r="D54" s="19">
        <v>2</v>
      </c>
      <c r="E54" s="20">
        <v>2</v>
      </c>
      <c r="F54" s="21" t="s">
        <v>152</v>
      </c>
      <c r="G54" s="22" t="s">
        <v>152</v>
      </c>
    </row>
    <row r="55" spans="2:7" x14ac:dyDescent="0.2">
      <c r="B55" s="29"/>
      <c r="C55" s="7"/>
      <c r="D55" s="23">
        <v>100</v>
      </c>
      <c r="E55" s="24">
        <v>100</v>
      </c>
      <c r="F55" s="25" t="s">
        <v>152</v>
      </c>
      <c r="G55" s="26" t="s">
        <v>152</v>
      </c>
    </row>
    <row r="56" spans="2:7" x14ac:dyDescent="0.2">
      <c r="B56" s="29"/>
      <c r="C56" s="2" t="s">
        <v>63</v>
      </c>
      <c r="D56" s="19">
        <v>20</v>
      </c>
      <c r="E56" s="20">
        <v>16</v>
      </c>
      <c r="F56" s="21">
        <v>4</v>
      </c>
      <c r="G56" s="22" t="s">
        <v>152</v>
      </c>
    </row>
    <row r="57" spans="2:7" x14ac:dyDescent="0.2">
      <c r="B57" s="29"/>
      <c r="C57" s="7"/>
      <c r="D57" s="23">
        <v>100</v>
      </c>
      <c r="E57" s="24">
        <v>80</v>
      </c>
      <c r="F57" s="25">
        <v>20</v>
      </c>
      <c r="G57" s="26" t="s">
        <v>152</v>
      </c>
    </row>
    <row r="58" spans="2:7" x14ac:dyDescent="0.2">
      <c r="B58" s="29"/>
      <c r="C58" s="2" t="s">
        <v>148</v>
      </c>
      <c r="D58" s="19">
        <v>22</v>
      </c>
      <c r="E58" s="20">
        <v>18</v>
      </c>
      <c r="F58" s="21">
        <v>4</v>
      </c>
      <c r="G58" s="22" t="s">
        <v>152</v>
      </c>
    </row>
    <row r="59" spans="2:7" x14ac:dyDescent="0.2">
      <c r="B59" s="29"/>
      <c r="C59" s="7"/>
      <c r="D59" s="23">
        <v>100</v>
      </c>
      <c r="E59" s="24">
        <v>81.818181818181827</v>
      </c>
      <c r="F59" s="25">
        <v>18.181818181818183</v>
      </c>
      <c r="G59" s="26" t="s">
        <v>152</v>
      </c>
    </row>
    <row r="60" spans="2:7" x14ac:dyDescent="0.2">
      <c r="B60" s="29"/>
      <c r="C60" s="2" t="s">
        <v>64</v>
      </c>
      <c r="D60" s="19">
        <v>51</v>
      </c>
      <c r="E60" s="20">
        <v>42</v>
      </c>
      <c r="F60" s="21">
        <v>7</v>
      </c>
      <c r="G60" s="22">
        <v>2</v>
      </c>
    </row>
    <row r="61" spans="2:7" x14ac:dyDescent="0.2">
      <c r="B61" s="29"/>
      <c r="C61" s="7"/>
      <c r="D61" s="23">
        <v>100</v>
      </c>
      <c r="E61" s="24">
        <v>82.4</v>
      </c>
      <c r="F61" s="25">
        <v>13.7</v>
      </c>
      <c r="G61" s="26">
        <v>3.9</v>
      </c>
    </row>
    <row r="62" spans="2:7" x14ac:dyDescent="0.2">
      <c r="B62" s="29"/>
      <c r="C62" s="2" t="s">
        <v>65</v>
      </c>
      <c r="D62" s="19">
        <v>88</v>
      </c>
      <c r="E62" s="20">
        <v>69</v>
      </c>
      <c r="F62" s="21">
        <v>17</v>
      </c>
      <c r="G62" s="22">
        <v>2</v>
      </c>
    </row>
    <row r="63" spans="2:7" x14ac:dyDescent="0.2">
      <c r="B63" s="29"/>
      <c r="C63" s="7"/>
      <c r="D63" s="23">
        <v>100</v>
      </c>
      <c r="E63" s="24">
        <v>78.400000000000006</v>
      </c>
      <c r="F63" s="25">
        <v>19.3</v>
      </c>
      <c r="G63" s="26">
        <v>2.2999999999999998</v>
      </c>
    </row>
    <row r="64" spans="2:7" x14ac:dyDescent="0.2">
      <c r="B64" s="29"/>
      <c r="C64" s="2" t="s">
        <v>66</v>
      </c>
      <c r="D64" s="19">
        <v>146</v>
      </c>
      <c r="E64" s="20">
        <v>121</v>
      </c>
      <c r="F64" s="21">
        <v>20</v>
      </c>
      <c r="G64" s="22">
        <v>5</v>
      </c>
    </row>
    <row r="65" spans="2:7" x14ac:dyDescent="0.2">
      <c r="B65" s="29"/>
      <c r="C65" s="7"/>
      <c r="D65" s="23">
        <v>100</v>
      </c>
      <c r="E65" s="24">
        <v>82.9</v>
      </c>
      <c r="F65" s="25">
        <v>13.7</v>
      </c>
      <c r="G65" s="26">
        <v>3.4</v>
      </c>
    </row>
    <row r="66" spans="2:7" x14ac:dyDescent="0.2">
      <c r="B66" s="29"/>
      <c r="C66" s="2" t="s">
        <v>67</v>
      </c>
      <c r="D66" s="19">
        <v>133</v>
      </c>
      <c r="E66" s="20">
        <v>109</v>
      </c>
      <c r="F66" s="21">
        <v>15</v>
      </c>
      <c r="G66" s="22">
        <v>9</v>
      </c>
    </row>
    <row r="67" spans="2:7" x14ac:dyDescent="0.2">
      <c r="B67" s="29"/>
      <c r="C67" s="7"/>
      <c r="D67" s="23">
        <v>100</v>
      </c>
      <c r="E67" s="24">
        <v>82</v>
      </c>
      <c r="F67" s="25">
        <v>11.3</v>
      </c>
      <c r="G67" s="26">
        <v>6.8</v>
      </c>
    </row>
    <row r="68" spans="2:7" x14ac:dyDescent="0.2">
      <c r="B68" s="29"/>
      <c r="C68" s="2" t="s">
        <v>58</v>
      </c>
      <c r="D68" s="19">
        <v>57</v>
      </c>
      <c r="E68" s="20">
        <v>48</v>
      </c>
      <c r="F68" s="21">
        <v>4</v>
      </c>
      <c r="G68" s="22">
        <v>5</v>
      </c>
    </row>
    <row r="69" spans="2:7" x14ac:dyDescent="0.2">
      <c r="B69" s="29"/>
      <c r="C69" s="7"/>
      <c r="D69" s="23">
        <v>100</v>
      </c>
      <c r="E69" s="24">
        <v>84.2</v>
      </c>
      <c r="F69" s="25">
        <v>7</v>
      </c>
      <c r="G69" s="26">
        <v>8.8000000000000007</v>
      </c>
    </row>
    <row r="70" spans="2:7" x14ac:dyDescent="0.2">
      <c r="B70" s="29"/>
      <c r="C70" s="2" t="s">
        <v>68</v>
      </c>
      <c r="D70" s="19">
        <v>65</v>
      </c>
      <c r="E70" s="20">
        <v>48</v>
      </c>
      <c r="F70" s="21">
        <v>10</v>
      </c>
      <c r="G70" s="22">
        <v>7</v>
      </c>
    </row>
    <row r="71" spans="2:7" x14ac:dyDescent="0.2">
      <c r="B71" s="29"/>
      <c r="C71" s="7"/>
      <c r="D71" s="23">
        <v>100</v>
      </c>
      <c r="E71" s="24">
        <v>73.8</v>
      </c>
      <c r="F71" s="25">
        <v>15.4</v>
      </c>
      <c r="G71" s="26">
        <v>10.8</v>
      </c>
    </row>
    <row r="72" spans="2:7" x14ac:dyDescent="0.2">
      <c r="B72" s="29"/>
      <c r="C72" s="2" t="s">
        <v>59</v>
      </c>
      <c r="D72" s="19">
        <v>1</v>
      </c>
      <c r="E72" s="20">
        <v>1</v>
      </c>
      <c r="F72" s="21" t="s">
        <v>152</v>
      </c>
      <c r="G72" s="22" t="s">
        <v>152</v>
      </c>
    </row>
    <row r="73" spans="2:7" x14ac:dyDescent="0.2">
      <c r="B73" s="29"/>
      <c r="C73" s="7"/>
      <c r="D73" s="23">
        <v>100</v>
      </c>
      <c r="E73" s="24">
        <v>100</v>
      </c>
      <c r="F73" s="25" t="s">
        <v>152</v>
      </c>
      <c r="G73" s="26" t="s">
        <v>152</v>
      </c>
    </row>
    <row r="74" spans="2:7" x14ac:dyDescent="0.2">
      <c r="B74" s="29"/>
      <c r="C74" s="2" t="s">
        <v>69</v>
      </c>
      <c r="D74" s="19">
        <v>29</v>
      </c>
      <c r="E74" s="20">
        <v>26</v>
      </c>
      <c r="F74" s="21">
        <v>3</v>
      </c>
      <c r="G74" s="22" t="s">
        <v>152</v>
      </c>
    </row>
    <row r="75" spans="2:7" x14ac:dyDescent="0.2">
      <c r="B75" s="29"/>
      <c r="C75" s="7"/>
      <c r="D75" s="23">
        <v>100</v>
      </c>
      <c r="E75" s="24">
        <v>89.7</v>
      </c>
      <c r="F75" s="25">
        <v>10.3</v>
      </c>
      <c r="G75" s="26" t="s">
        <v>152</v>
      </c>
    </row>
    <row r="76" spans="2:7" x14ac:dyDescent="0.2">
      <c r="B76" s="29"/>
      <c r="C76" s="2" t="s">
        <v>149</v>
      </c>
      <c r="D76" s="19">
        <v>30</v>
      </c>
      <c r="E76" s="20">
        <v>27</v>
      </c>
      <c r="F76" s="21">
        <v>3</v>
      </c>
      <c r="G76" s="22" t="s">
        <v>152</v>
      </c>
    </row>
    <row r="77" spans="2:7" x14ac:dyDescent="0.2">
      <c r="B77" s="29"/>
      <c r="C77" s="7"/>
      <c r="D77" s="23">
        <v>100</v>
      </c>
      <c r="E77" s="24">
        <v>90</v>
      </c>
      <c r="F77" s="25">
        <v>10</v>
      </c>
      <c r="G77" s="26" t="s">
        <v>152</v>
      </c>
    </row>
    <row r="78" spans="2:7" x14ac:dyDescent="0.2">
      <c r="B78" s="29"/>
      <c r="C78" s="2" t="s">
        <v>70</v>
      </c>
      <c r="D78" s="19">
        <v>64</v>
      </c>
      <c r="E78" s="20">
        <v>55</v>
      </c>
      <c r="F78" s="21">
        <v>8</v>
      </c>
      <c r="G78" s="22">
        <v>1</v>
      </c>
    </row>
    <row r="79" spans="2:7" x14ac:dyDescent="0.2">
      <c r="B79" s="29"/>
      <c r="C79" s="7"/>
      <c r="D79" s="23">
        <v>100</v>
      </c>
      <c r="E79" s="24">
        <v>85.9</v>
      </c>
      <c r="F79" s="25">
        <v>12.5</v>
      </c>
      <c r="G79" s="26">
        <v>1.6</v>
      </c>
    </row>
    <row r="80" spans="2:7" x14ac:dyDescent="0.2">
      <c r="B80" s="29"/>
      <c r="C80" s="2" t="s">
        <v>71</v>
      </c>
      <c r="D80" s="19">
        <v>112</v>
      </c>
      <c r="E80" s="20">
        <v>93</v>
      </c>
      <c r="F80" s="21">
        <v>10</v>
      </c>
      <c r="G80" s="22">
        <v>9</v>
      </c>
    </row>
    <row r="81" spans="2:7" x14ac:dyDescent="0.2">
      <c r="B81" s="29"/>
      <c r="C81" s="7"/>
      <c r="D81" s="23">
        <v>100</v>
      </c>
      <c r="E81" s="24">
        <v>83</v>
      </c>
      <c r="F81" s="25">
        <v>8.9</v>
      </c>
      <c r="G81" s="26">
        <v>8</v>
      </c>
    </row>
    <row r="82" spans="2:7" x14ac:dyDescent="0.2">
      <c r="B82" s="29"/>
      <c r="C82" s="2" t="s">
        <v>72</v>
      </c>
      <c r="D82" s="19">
        <v>137</v>
      </c>
      <c r="E82" s="20">
        <v>108</v>
      </c>
      <c r="F82" s="21">
        <v>23</v>
      </c>
      <c r="G82" s="22">
        <v>6</v>
      </c>
    </row>
    <row r="83" spans="2:7" x14ac:dyDescent="0.2">
      <c r="B83" s="29"/>
      <c r="C83" s="7"/>
      <c r="D83" s="23">
        <v>100</v>
      </c>
      <c r="E83" s="24">
        <v>78.8</v>
      </c>
      <c r="F83" s="25">
        <v>16.8</v>
      </c>
      <c r="G83" s="26">
        <v>4.4000000000000004</v>
      </c>
    </row>
    <row r="84" spans="2:7" x14ac:dyDescent="0.2">
      <c r="B84" s="29"/>
      <c r="C84" s="2" t="s">
        <v>73</v>
      </c>
      <c r="D84" s="19">
        <v>112</v>
      </c>
      <c r="E84" s="20">
        <v>94</v>
      </c>
      <c r="F84" s="21">
        <v>10</v>
      </c>
      <c r="G84" s="22">
        <v>8</v>
      </c>
    </row>
    <row r="85" spans="2:7" x14ac:dyDescent="0.2">
      <c r="B85" s="29"/>
      <c r="C85" s="7"/>
      <c r="D85" s="23">
        <v>100</v>
      </c>
      <c r="E85" s="24">
        <v>83.9</v>
      </c>
      <c r="F85" s="25">
        <v>8.9</v>
      </c>
      <c r="G85" s="26">
        <v>7.1</v>
      </c>
    </row>
    <row r="86" spans="2:7" x14ac:dyDescent="0.2">
      <c r="B86" s="29"/>
      <c r="C86" s="2" t="s">
        <v>60</v>
      </c>
      <c r="D86" s="19">
        <v>66</v>
      </c>
      <c r="E86" s="20">
        <v>51</v>
      </c>
      <c r="F86" s="21">
        <v>9</v>
      </c>
      <c r="G86" s="22">
        <v>6</v>
      </c>
    </row>
    <row r="87" spans="2:7" x14ac:dyDescent="0.2">
      <c r="B87" s="29"/>
      <c r="C87" s="7"/>
      <c r="D87" s="23">
        <v>100</v>
      </c>
      <c r="E87" s="24">
        <v>77.3</v>
      </c>
      <c r="F87" s="25">
        <v>13.6</v>
      </c>
      <c r="G87" s="26">
        <v>9.1</v>
      </c>
    </row>
    <row r="88" spans="2:7" x14ac:dyDescent="0.2">
      <c r="B88" s="29"/>
      <c r="C88" s="2" t="s">
        <v>74</v>
      </c>
      <c r="D88" s="19">
        <v>83</v>
      </c>
      <c r="E88" s="20">
        <v>74</v>
      </c>
      <c r="F88" s="21">
        <v>3</v>
      </c>
      <c r="G88" s="22">
        <v>6</v>
      </c>
    </row>
    <row r="89" spans="2:7" x14ac:dyDescent="0.2">
      <c r="B89" s="29"/>
      <c r="C89" s="7"/>
      <c r="D89" s="23">
        <v>100</v>
      </c>
      <c r="E89" s="24">
        <v>89.2</v>
      </c>
      <c r="F89" s="25">
        <v>3.6</v>
      </c>
      <c r="G89" s="26">
        <v>7.2</v>
      </c>
    </row>
    <row r="90" spans="2:7" x14ac:dyDescent="0.2">
      <c r="B90" s="29"/>
      <c r="C90" s="2" t="s">
        <v>0</v>
      </c>
      <c r="D90" s="19">
        <v>75</v>
      </c>
      <c r="E90" s="20">
        <v>62</v>
      </c>
      <c r="F90" s="21">
        <v>2</v>
      </c>
      <c r="G90" s="22">
        <v>11</v>
      </c>
    </row>
    <row r="91" spans="2:7" x14ac:dyDescent="0.2">
      <c r="B91" s="29"/>
      <c r="C91" s="7"/>
      <c r="D91" s="23">
        <v>100</v>
      </c>
      <c r="E91" s="24">
        <v>82.7</v>
      </c>
      <c r="F91" s="25">
        <v>2.7</v>
      </c>
      <c r="G91" s="26">
        <v>14.7</v>
      </c>
    </row>
    <row r="92" spans="2:7" x14ac:dyDescent="0.2">
      <c r="B92" s="28" t="s">
        <v>32</v>
      </c>
      <c r="C92" s="9" t="s">
        <v>12</v>
      </c>
      <c r="D92" s="11">
        <v>1241</v>
      </c>
      <c r="E92" s="31">
        <v>1019</v>
      </c>
      <c r="F92" s="13">
        <v>145</v>
      </c>
      <c r="G92" s="14">
        <v>77</v>
      </c>
    </row>
    <row r="93" spans="2:7" x14ac:dyDescent="0.2">
      <c r="B93" s="29"/>
      <c r="C93" s="8"/>
      <c r="D93" s="15">
        <v>100</v>
      </c>
      <c r="E93" s="16">
        <v>82.1</v>
      </c>
      <c r="F93" s="17">
        <v>11.7</v>
      </c>
      <c r="G93" s="18">
        <v>6.2</v>
      </c>
    </row>
    <row r="94" spans="2:7" x14ac:dyDescent="0.2">
      <c r="B94" s="29"/>
      <c r="C94" s="2" t="s">
        <v>21</v>
      </c>
      <c r="D94" s="19">
        <v>65</v>
      </c>
      <c r="E94" s="20">
        <v>54</v>
      </c>
      <c r="F94" s="21">
        <v>7</v>
      </c>
      <c r="G94" s="22">
        <v>4</v>
      </c>
    </row>
    <row r="95" spans="2:7" x14ac:dyDescent="0.2">
      <c r="B95" s="29"/>
      <c r="C95" s="7"/>
      <c r="D95" s="23">
        <v>100</v>
      </c>
      <c r="E95" s="24">
        <v>83.1</v>
      </c>
      <c r="F95" s="25">
        <v>10.8</v>
      </c>
      <c r="G95" s="26">
        <v>6.2</v>
      </c>
    </row>
    <row r="96" spans="2:7" x14ac:dyDescent="0.2">
      <c r="B96" s="29"/>
      <c r="C96" s="2" t="s">
        <v>20</v>
      </c>
      <c r="D96" s="19">
        <v>7</v>
      </c>
      <c r="E96" s="20">
        <v>6</v>
      </c>
      <c r="F96" s="21">
        <v>1</v>
      </c>
      <c r="G96" s="22" t="s">
        <v>152</v>
      </c>
    </row>
    <row r="97" spans="2:7" x14ac:dyDescent="0.2">
      <c r="B97" s="29"/>
      <c r="C97" s="7"/>
      <c r="D97" s="23">
        <v>100</v>
      </c>
      <c r="E97" s="24">
        <v>85.7</v>
      </c>
      <c r="F97" s="25">
        <v>14.3</v>
      </c>
      <c r="G97" s="26" t="s">
        <v>152</v>
      </c>
    </row>
    <row r="98" spans="2:7" x14ac:dyDescent="0.2">
      <c r="B98" s="29"/>
      <c r="C98" s="2" t="s">
        <v>19</v>
      </c>
      <c r="D98" s="19">
        <v>484</v>
      </c>
      <c r="E98" s="20">
        <v>406</v>
      </c>
      <c r="F98" s="21">
        <v>62</v>
      </c>
      <c r="G98" s="22">
        <v>16</v>
      </c>
    </row>
    <row r="99" spans="2:7" x14ac:dyDescent="0.2">
      <c r="B99" s="29"/>
      <c r="C99" s="7"/>
      <c r="D99" s="23">
        <v>100</v>
      </c>
      <c r="E99" s="24">
        <v>83.9</v>
      </c>
      <c r="F99" s="25">
        <v>12.8</v>
      </c>
      <c r="G99" s="26">
        <v>3.3</v>
      </c>
    </row>
    <row r="100" spans="2:7" x14ac:dyDescent="0.2">
      <c r="B100" s="29"/>
      <c r="C100" s="2" t="s">
        <v>18</v>
      </c>
      <c r="D100" s="19">
        <v>195</v>
      </c>
      <c r="E100" s="20">
        <v>152</v>
      </c>
      <c r="F100" s="21">
        <v>29</v>
      </c>
      <c r="G100" s="22">
        <v>14</v>
      </c>
    </row>
    <row r="101" spans="2:7" x14ac:dyDescent="0.2">
      <c r="B101" s="29"/>
      <c r="C101" s="7"/>
      <c r="D101" s="23">
        <v>100</v>
      </c>
      <c r="E101" s="24">
        <v>77.900000000000006</v>
      </c>
      <c r="F101" s="25">
        <v>14.9</v>
      </c>
      <c r="G101" s="26">
        <v>7.2</v>
      </c>
    </row>
    <row r="102" spans="2:7" x14ac:dyDescent="0.2">
      <c r="B102" s="29"/>
      <c r="C102" s="2" t="s">
        <v>17</v>
      </c>
      <c r="D102" s="19">
        <v>1</v>
      </c>
      <c r="E102" s="20">
        <v>1</v>
      </c>
      <c r="F102" s="21" t="s">
        <v>152</v>
      </c>
      <c r="G102" s="22" t="s">
        <v>152</v>
      </c>
    </row>
    <row r="103" spans="2:7" x14ac:dyDescent="0.2">
      <c r="B103" s="29"/>
      <c r="C103" s="7"/>
      <c r="D103" s="23">
        <v>100</v>
      </c>
      <c r="E103" s="24">
        <v>100</v>
      </c>
      <c r="F103" s="25" t="s">
        <v>152</v>
      </c>
      <c r="G103" s="26" t="s">
        <v>152</v>
      </c>
    </row>
    <row r="104" spans="2:7" x14ac:dyDescent="0.2">
      <c r="B104" s="29"/>
      <c r="C104" s="2" t="s">
        <v>151</v>
      </c>
      <c r="D104" s="19">
        <v>178</v>
      </c>
      <c r="E104" s="20">
        <v>153</v>
      </c>
      <c r="F104" s="21">
        <v>13</v>
      </c>
      <c r="G104" s="22">
        <v>12</v>
      </c>
    </row>
    <row r="105" spans="2:7" x14ac:dyDescent="0.2">
      <c r="B105" s="29"/>
      <c r="C105" s="7"/>
      <c r="D105" s="23">
        <v>100</v>
      </c>
      <c r="E105" s="24">
        <v>86</v>
      </c>
      <c r="F105" s="25">
        <v>7.3</v>
      </c>
      <c r="G105" s="26">
        <v>6.7</v>
      </c>
    </row>
    <row r="106" spans="2:7" x14ac:dyDescent="0.2">
      <c r="B106" s="29"/>
      <c r="C106" s="2" t="s">
        <v>16</v>
      </c>
      <c r="D106" s="19">
        <v>10</v>
      </c>
      <c r="E106" s="20">
        <v>10</v>
      </c>
      <c r="F106" s="21" t="s">
        <v>152</v>
      </c>
      <c r="G106" s="22" t="s">
        <v>152</v>
      </c>
    </row>
    <row r="107" spans="2:7" x14ac:dyDescent="0.2">
      <c r="B107" s="29"/>
      <c r="C107" s="7"/>
      <c r="D107" s="23">
        <v>100</v>
      </c>
      <c r="E107" s="24">
        <v>100</v>
      </c>
      <c r="F107" s="25" t="s">
        <v>152</v>
      </c>
      <c r="G107" s="26" t="s">
        <v>152</v>
      </c>
    </row>
    <row r="108" spans="2:7" x14ac:dyDescent="0.2">
      <c r="B108" s="29"/>
      <c r="C108" s="2" t="s">
        <v>15</v>
      </c>
      <c r="D108" s="19">
        <v>211</v>
      </c>
      <c r="E108" s="20">
        <v>166</v>
      </c>
      <c r="F108" s="21">
        <v>30</v>
      </c>
      <c r="G108" s="22">
        <v>15</v>
      </c>
    </row>
    <row r="109" spans="2:7" x14ac:dyDescent="0.2">
      <c r="B109" s="29"/>
      <c r="C109" s="7"/>
      <c r="D109" s="23">
        <v>100</v>
      </c>
      <c r="E109" s="24">
        <v>78.7</v>
      </c>
      <c r="F109" s="25">
        <v>14.2</v>
      </c>
      <c r="G109" s="26">
        <v>7.1</v>
      </c>
    </row>
    <row r="110" spans="2:7" x14ac:dyDescent="0.2">
      <c r="B110" s="29"/>
      <c r="C110" s="2" t="s">
        <v>14</v>
      </c>
      <c r="D110" s="19">
        <v>12</v>
      </c>
      <c r="E110" s="20">
        <v>10</v>
      </c>
      <c r="F110" s="21">
        <v>1</v>
      </c>
      <c r="G110" s="22">
        <v>1</v>
      </c>
    </row>
    <row r="111" spans="2:7" x14ac:dyDescent="0.2">
      <c r="B111" s="29"/>
      <c r="C111" s="7"/>
      <c r="D111" s="23">
        <v>100</v>
      </c>
      <c r="E111" s="24">
        <v>83.3</v>
      </c>
      <c r="F111" s="25">
        <v>8.3000000000000007</v>
      </c>
      <c r="G111" s="26">
        <v>8.3000000000000007</v>
      </c>
    </row>
    <row r="112" spans="2:7" x14ac:dyDescent="0.2">
      <c r="B112" s="29"/>
      <c r="C112" s="2" t="s">
        <v>13</v>
      </c>
      <c r="D112" s="19">
        <v>78</v>
      </c>
      <c r="E112" s="20">
        <v>61</v>
      </c>
      <c r="F112" s="21">
        <v>2</v>
      </c>
      <c r="G112" s="22">
        <v>15</v>
      </c>
    </row>
    <row r="113" spans="2:7" x14ac:dyDescent="0.2">
      <c r="B113" s="30"/>
      <c r="C113" s="10"/>
      <c r="D113" s="15">
        <v>100</v>
      </c>
      <c r="E113" s="16">
        <v>78.2</v>
      </c>
      <c r="F113" s="17">
        <v>2.6</v>
      </c>
      <c r="G113" s="18">
        <v>19.2</v>
      </c>
    </row>
    <row r="114" spans="2:7" x14ac:dyDescent="0.2">
      <c r="B114" s="28" t="s">
        <v>31</v>
      </c>
      <c r="C114" s="9" t="s">
        <v>12</v>
      </c>
      <c r="D114" s="11">
        <v>752</v>
      </c>
      <c r="E114" s="12">
        <v>619</v>
      </c>
      <c r="F114" s="13">
        <v>99</v>
      </c>
      <c r="G114" s="14">
        <v>34</v>
      </c>
    </row>
    <row r="115" spans="2:7" x14ac:dyDescent="0.2">
      <c r="B115" s="29"/>
      <c r="C115" s="8"/>
      <c r="D115" s="15">
        <v>100</v>
      </c>
      <c r="E115" s="16">
        <v>82.3</v>
      </c>
      <c r="F115" s="17">
        <v>13.2</v>
      </c>
      <c r="G115" s="18">
        <v>4.5</v>
      </c>
    </row>
    <row r="116" spans="2:7" x14ac:dyDescent="0.2">
      <c r="B116" s="29"/>
      <c r="C116" s="2" t="s">
        <v>11</v>
      </c>
      <c r="D116" s="19">
        <v>2</v>
      </c>
      <c r="E116" s="20">
        <v>2</v>
      </c>
      <c r="F116" s="21" t="s">
        <v>152</v>
      </c>
      <c r="G116" s="22" t="s">
        <v>152</v>
      </c>
    </row>
    <row r="117" spans="2:7" x14ac:dyDescent="0.2">
      <c r="B117" s="29"/>
      <c r="C117" s="7"/>
      <c r="D117" s="23">
        <v>100</v>
      </c>
      <c r="E117" s="24">
        <v>100</v>
      </c>
      <c r="F117" s="25" t="s">
        <v>152</v>
      </c>
      <c r="G117" s="26" t="s">
        <v>152</v>
      </c>
    </row>
    <row r="118" spans="2:7" x14ac:dyDescent="0.2">
      <c r="B118" s="29"/>
      <c r="C118" s="2" t="s">
        <v>10</v>
      </c>
      <c r="D118" s="19">
        <v>32</v>
      </c>
      <c r="E118" s="20">
        <v>28</v>
      </c>
      <c r="F118" s="21">
        <v>2</v>
      </c>
      <c r="G118" s="22">
        <v>2</v>
      </c>
    </row>
    <row r="119" spans="2:7" x14ac:dyDescent="0.2">
      <c r="B119" s="29"/>
      <c r="C119" s="7"/>
      <c r="D119" s="23">
        <v>100</v>
      </c>
      <c r="E119" s="24">
        <v>87.5</v>
      </c>
      <c r="F119" s="25">
        <v>6.3</v>
      </c>
      <c r="G119" s="26">
        <v>6.3</v>
      </c>
    </row>
    <row r="120" spans="2:7" x14ac:dyDescent="0.2">
      <c r="B120" s="29"/>
      <c r="C120" s="2" t="s">
        <v>9</v>
      </c>
      <c r="D120" s="19">
        <v>33</v>
      </c>
      <c r="E120" s="20">
        <v>25</v>
      </c>
      <c r="F120" s="21">
        <v>6</v>
      </c>
      <c r="G120" s="22">
        <v>2</v>
      </c>
    </row>
    <row r="121" spans="2:7" x14ac:dyDescent="0.2">
      <c r="B121" s="29"/>
      <c r="C121" s="7"/>
      <c r="D121" s="23">
        <v>100</v>
      </c>
      <c r="E121" s="24">
        <v>75.8</v>
      </c>
      <c r="F121" s="25">
        <v>18.2</v>
      </c>
      <c r="G121" s="26">
        <v>6.1</v>
      </c>
    </row>
    <row r="122" spans="2:7" x14ac:dyDescent="0.2">
      <c r="B122" s="29"/>
      <c r="C122" s="2" t="s">
        <v>8</v>
      </c>
      <c r="D122" s="19">
        <v>71</v>
      </c>
      <c r="E122" s="20">
        <v>59</v>
      </c>
      <c r="F122" s="21">
        <v>10</v>
      </c>
      <c r="G122" s="22">
        <v>2</v>
      </c>
    </row>
    <row r="123" spans="2:7" x14ac:dyDescent="0.2">
      <c r="B123" s="29"/>
      <c r="C123" s="7"/>
      <c r="D123" s="23">
        <v>100</v>
      </c>
      <c r="E123" s="24">
        <v>83.1</v>
      </c>
      <c r="F123" s="25">
        <v>14.1</v>
      </c>
      <c r="G123" s="26">
        <v>2.8</v>
      </c>
    </row>
    <row r="124" spans="2:7" x14ac:dyDescent="0.2">
      <c r="B124" s="29"/>
      <c r="C124" s="2" t="s">
        <v>7</v>
      </c>
      <c r="D124" s="19">
        <v>152</v>
      </c>
      <c r="E124" s="20">
        <v>114</v>
      </c>
      <c r="F124" s="21">
        <v>32</v>
      </c>
      <c r="G124" s="22">
        <v>6</v>
      </c>
    </row>
    <row r="125" spans="2:7" x14ac:dyDescent="0.2">
      <c r="B125" s="29"/>
      <c r="C125" s="7"/>
      <c r="D125" s="23">
        <v>100</v>
      </c>
      <c r="E125" s="24">
        <v>75</v>
      </c>
      <c r="F125" s="25">
        <v>21.1</v>
      </c>
      <c r="G125" s="26">
        <v>3.9</v>
      </c>
    </row>
    <row r="126" spans="2:7" x14ac:dyDescent="0.2">
      <c r="B126" s="29"/>
      <c r="C126" s="2" t="s">
        <v>6</v>
      </c>
      <c r="D126" s="19">
        <v>176</v>
      </c>
      <c r="E126" s="20">
        <v>148</v>
      </c>
      <c r="F126" s="21">
        <v>19</v>
      </c>
      <c r="G126" s="22">
        <v>9</v>
      </c>
    </row>
    <row r="127" spans="2:7" x14ac:dyDescent="0.2">
      <c r="B127" s="29"/>
      <c r="C127" s="7"/>
      <c r="D127" s="23">
        <v>100</v>
      </c>
      <c r="E127" s="24">
        <v>84.1</v>
      </c>
      <c r="F127" s="25">
        <v>10.8</v>
      </c>
      <c r="G127" s="26">
        <v>5.0999999999999996</v>
      </c>
    </row>
    <row r="128" spans="2:7" x14ac:dyDescent="0.2">
      <c r="B128" s="29"/>
      <c r="C128" s="2" t="s">
        <v>5</v>
      </c>
      <c r="D128" s="19">
        <v>37</v>
      </c>
      <c r="E128" s="20">
        <v>32</v>
      </c>
      <c r="F128" s="21">
        <v>3</v>
      </c>
      <c r="G128" s="22">
        <v>2</v>
      </c>
    </row>
    <row r="129" spans="2:7" x14ac:dyDescent="0.2">
      <c r="B129" s="29"/>
      <c r="C129" s="7"/>
      <c r="D129" s="23">
        <v>100</v>
      </c>
      <c r="E129" s="24">
        <v>86.5</v>
      </c>
      <c r="F129" s="25">
        <v>8.1</v>
      </c>
      <c r="G129" s="26">
        <v>5.4</v>
      </c>
    </row>
    <row r="130" spans="2:7" x14ac:dyDescent="0.2">
      <c r="B130" s="29"/>
      <c r="C130" s="2" t="s">
        <v>4</v>
      </c>
      <c r="D130" s="19">
        <v>67</v>
      </c>
      <c r="E130" s="20">
        <v>63</v>
      </c>
      <c r="F130" s="21">
        <v>4</v>
      </c>
      <c r="G130" s="22" t="s">
        <v>152</v>
      </c>
    </row>
    <row r="131" spans="2:7" x14ac:dyDescent="0.2">
      <c r="B131" s="29"/>
      <c r="C131" s="7"/>
      <c r="D131" s="23">
        <v>100</v>
      </c>
      <c r="E131" s="24">
        <v>94</v>
      </c>
      <c r="F131" s="25">
        <v>6</v>
      </c>
      <c r="G131" s="26" t="s">
        <v>152</v>
      </c>
    </row>
    <row r="132" spans="2:7" x14ac:dyDescent="0.2">
      <c r="B132" s="29"/>
      <c r="C132" s="2" t="s">
        <v>3</v>
      </c>
      <c r="D132" s="19">
        <v>159</v>
      </c>
      <c r="E132" s="20">
        <v>129</v>
      </c>
      <c r="F132" s="21">
        <v>20</v>
      </c>
      <c r="G132" s="22">
        <v>10</v>
      </c>
    </row>
    <row r="133" spans="2:7" x14ac:dyDescent="0.2">
      <c r="B133" s="29"/>
      <c r="C133" s="7"/>
      <c r="D133" s="23">
        <v>100</v>
      </c>
      <c r="E133" s="24">
        <v>81.099999999999994</v>
      </c>
      <c r="F133" s="25">
        <v>12.6</v>
      </c>
      <c r="G133" s="26">
        <v>6.3</v>
      </c>
    </row>
    <row r="134" spans="2:7" x14ac:dyDescent="0.2">
      <c r="B134" s="29"/>
      <c r="C134" s="2" t="s">
        <v>2</v>
      </c>
      <c r="D134" s="19">
        <v>23</v>
      </c>
      <c r="E134" s="20">
        <v>19</v>
      </c>
      <c r="F134" s="21">
        <v>3</v>
      </c>
      <c r="G134" s="22">
        <v>1</v>
      </c>
    </row>
    <row r="135" spans="2:7" x14ac:dyDescent="0.2">
      <c r="B135" s="30"/>
      <c r="C135" s="10"/>
      <c r="D135" s="15">
        <v>100</v>
      </c>
      <c r="E135" s="16">
        <v>82.6</v>
      </c>
      <c r="F135" s="17">
        <v>13</v>
      </c>
      <c r="G135" s="18">
        <v>4.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5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topLeftCell="A10" workbookViewId="0">
      <selection activeCell="E53" sqref="E53"/>
    </sheetView>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59</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31">
        <v>1019</v>
      </c>
      <c r="F4" s="13">
        <v>145</v>
      </c>
      <c r="G4" s="14">
        <v>77</v>
      </c>
    </row>
    <row r="5" spans="2:7" x14ac:dyDescent="0.2">
      <c r="B5" s="29"/>
      <c r="C5" s="8"/>
      <c r="D5" s="15">
        <v>100</v>
      </c>
      <c r="E5" s="16">
        <v>82.1</v>
      </c>
      <c r="F5" s="17">
        <v>11.7</v>
      </c>
      <c r="G5" s="18">
        <v>6.2</v>
      </c>
    </row>
    <row r="6" spans="2:7" x14ac:dyDescent="0.2">
      <c r="B6" s="29"/>
      <c r="C6" s="2" t="s">
        <v>52</v>
      </c>
      <c r="D6" s="19">
        <v>557</v>
      </c>
      <c r="E6" s="20">
        <v>471</v>
      </c>
      <c r="F6" s="21">
        <v>45</v>
      </c>
      <c r="G6" s="22">
        <v>41</v>
      </c>
    </row>
    <row r="7" spans="2:7" x14ac:dyDescent="0.2">
      <c r="B7" s="29"/>
      <c r="C7" s="7"/>
      <c r="D7" s="23">
        <v>100</v>
      </c>
      <c r="E7" s="24">
        <v>84.6</v>
      </c>
      <c r="F7" s="25">
        <v>8.1</v>
      </c>
      <c r="G7" s="26">
        <v>7.4</v>
      </c>
    </row>
    <row r="8" spans="2:7" x14ac:dyDescent="0.2">
      <c r="B8" s="29"/>
      <c r="C8" s="2" t="s">
        <v>51</v>
      </c>
      <c r="D8" s="19">
        <v>595</v>
      </c>
      <c r="E8" s="20">
        <v>479</v>
      </c>
      <c r="F8" s="21">
        <v>91</v>
      </c>
      <c r="G8" s="22">
        <v>25</v>
      </c>
    </row>
    <row r="9" spans="2:7" x14ac:dyDescent="0.2">
      <c r="B9" s="29"/>
      <c r="C9" s="7"/>
      <c r="D9" s="23">
        <v>100</v>
      </c>
      <c r="E9" s="24">
        <v>80.5</v>
      </c>
      <c r="F9" s="25">
        <v>15.3</v>
      </c>
      <c r="G9" s="26">
        <v>4.2</v>
      </c>
    </row>
    <row r="10" spans="2:7" x14ac:dyDescent="0.2">
      <c r="B10" s="29"/>
      <c r="C10" s="2" t="s">
        <v>13</v>
      </c>
      <c r="D10" s="19">
        <v>89</v>
      </c>
      <c r="E10" s="20">
        <v>69</v>
      </c>
      <c r="F10" s="21">
        <v>9</v>
      </c>
      <c r="G10" s="22">
        <v>11</v>
      </c>
    </row>
    <row r="11" spans="2:7" x14ac:dyDescent="0.2">
      <c r="B11" s="30"/>
      <c r="C11" s="10"/>
      <c r="D11" s="15">
        <v>100</v>
      </c>
      <c r="E11" s="16">
        <v>77.5</v>
      </c>
      <c r="F11" s="17">
        <v>10.1</v>
      </c>
      <c r="G11" s="18">
        <v>12.4</v>
      </c>
    </row>
    <row r="12" spans="2:7" x14ac:dyDescent="0.2">
      <c r="B12" s="28" t="s">
        <v>54</v>
      </c>
      <c r="C12" s="9" t="s">
        <v>12</v>
      </c>
      <c r="D12" s="11">
        <v>1241</v>
      </c>
      <c r="E12" s="31">
        <v>1019</v>
      </c>
      <c r="F12" s="13">
        <v>145</v>
      </c>
      <c r="G12" s="14">
        <v>77</v>
      </c>
    </row>
    <row r="13" spans="2:7" x14ac:dyDescent="0.2">
      <c r="B13" s="29"/>
      <c r="C13" s="8"/>
      <c r="D13" s="15">
        <v>100</v>
      </c>
      <c r="E13" s="16">
        <v>82.1</v>
      </c>
      <c r="F13" s="17">
        <v>11.7</v>
      </c>
      <c r="G13" s="18">
        <v>6.2</v>
      </c>
    </row>
    <row r="14" spans="2:7" x14ac:dyDescent="0.2">
      <c r="B14" s="29"/>
      <c r="C14" s="2" t="s">
        <v>50</v>
      </c>
      <c r="D14" s="19">
        <v>84</v>
      </c>
      <c r="E14" s="20">
        <v>69</v>
      </c>
      <c r="F14" s="21">
        <v>13</v>
      </c>
      <c r="G14" s="22">
        <v>2</v>
      </c>
    </row>
    <row r="15" spans="2:7" x14ac:dyDescent="0.2">
      <c r="B15" s="29"/>
      <c r="C15" s="7"/>
      <c r="D15" s="23">
        <v>100</v>
      </c>
      <c r="E15" s="24">
        <v>82.1</v>
      </c>
      <c r="F15" s="25">
        <v>15.5</v>
      </c>
      <c r="G15" s="26">
        <v>2.4</v>
      </c>
    </row>
    <row r="16" spans="2:7" x14ac:dyDescent="0.2">
      <c r="B16" s="29"/>
      <c r="C16" s="2" t="s">
        <v>49</v>
      </c>
      <c r="D16" s="19">
        <v>97</v>
      </c>
      <c r="E16" s="20">
        <v>84</v>
      </c>
      <c r="F16" s="21">
        <v>12</v>
      </c>
      <c r="G16" s="22">
        <v>1</v>
      </c>
    </row>
    <row r="17" spans="2:7" x14ac:dyDescent="0.2">
      <c r="B17" s="29"/>
      <c r="C17" s="7"/>
      <c r="D17" s="23">
        <v>100</v>
      </c>
      <c r="E17" s="24">
        <v>86.6</v>
      </c>
      <c r="F17" s="25">
        <v>12.4</v>
      </c>
      <c r="G17" s="26">
        <v>1</v>
      </c>
    </row>
    <row r="18" spans="2:7" x14ac:dyDescent="0.2">
      <c r="B18" s="29"/>
      <c r="C18" s="2" t="s">
        <v>48</v>
      </c>
      <c r="D18" s="19">
        <v>79</v>
      </c>
      <c r="E18" s="20">
        <v>63</v>
      </c>
      <c r="F18" s="21">
        <v>12</v>
      </c>
      <c r="G18" s="22">
        <v>4</v>
      </c>
    </row>
    <row r="19" spans="2:7" x14ac:dyDescent="0.2">
      <c r="B19" s="29"/>
      <c r="C19" s="7"/>
      <c r="D19" s="23">
        <v>100</v>
      </c>
      <c r="E19" s="24">
        <v>79.7</v>
      </c>
      <c r="F19" s="25">
        <v>15.2</v>
      </c>
      <c r="G19" s="26">
        <v>5.0999999999999996</v>
      </c>
    </row>
    <row r="20" spans="2:7" x14ac:dyDescent="0.2">
      <c r="B20" s="29"/>
      <c r="C20" s="2" t="s">
        <v>47</v>
      </c>
      <c r="D20" s="19">
        <v>72</v>
      </c>
      <c r="E20" s="20">
        <v>59</v>
      </c>
      <c r="F20" s="21">
        <v>11</v>
      </c>
      <c r="G20" s="22">
        <v>2</v>
      </c>
    </row>
    <row r="21" spans="2:7" x14ac:dyDescent="0.2">
      <c r="B21" s="29"/>
      <c r="C21" s="7"/>
      <c r="D21" s="23">
        <v>100</v>
      </c>
      <c r="E21" s="24">
        <v>81.900000000000006</v>
      </c>
      <c r="F21" s="25">
        <v>15.3</v>
      </c>
      <c r="G21" s="26">
        <v>2.8</v>
      </c>
    </row>
    <row r="22" spans="2:7" x14ac:dyDescent="0.2">
      <c r="B22" s="29"/>
      <c r="C22" s="2" t="s">
        <v>46</v>
      </c>
      <c r="D22" s="19">
        <v>15</v>
      </c>
      <c r="E22" s="20">
        <v>13</v>
      </c>
      <c r="F22" s="21" t="s">
        <v>152</v>
      </c>
      <c r="G22" s="22">
        <v>2</v>
      </c>
    </row>
    <row r="23" spans="2:7" x14ac:dyDescent="0.2">
      <c r="B23" s="29"/>
      <c r="C23" s="7"/>
      <c r="D23" s="23">
        <v>100</v>
      </c>
      <c r="E23" s="24">
        <v>86.7</v>
      </c>
      <c r="F23" s="25" t="s">
        <v>152</v>
      </c>
      <c r="G23" s="26">
        <v>13.3</v>
      </c>
    </row>
    <row r="24" spans="2:7" x14ac:dyDescent="0.2">
      <c r="B24" s="29"/>
      <c r="C24" s="2" t="s">
        <v>45</v>
      </c>
      <c r="D24" s="19">
        <v>77</v>
      </c>
      <c r="E24" s="20">
        <v>62</v>
      </c>
      <c r="F24" s="21">
        <v>10</v>
      </c>
      <c r="G24" s="22">
        <v>5</v>
      </c>
    </row>
    <row r="25" spans="2:7" x14ac:dyDescent="0.2">
      <c r="B25" s="29"/>
      <c r="C25" s="7"/>
      <c r="D25" s="23">
        <v>100</v>
      </c>
      <c r="E25" s="24">
        <v>80.5</v>
      </c>
      <c r="F25" s="25">
        <v>13</v>
      </c>
      <c r="G25" s="26">
        <v>6.5</v>
      </c>
    </row>
    <row r="26" spans="2:7" x14ac:dyDescent="0.2">
      <c r="B26" s="29"/>
      <c r="C26" s="2" t="s">
        <v>44</v>
      </c>
      <c r="D26" s="19">
        <v>260</v>
      </c>
      <c r="E26" s="20">
        <v>213</v>
      </c>
      <c r="F26" s="21">
        <v>27</v>
      </c>
      <c r="G26" s="22">
        <v>20</v>
      </c>
    </row>
    <row r="27" spans="2:7" x14ac:dyDescent="0.2">
      <c r="B27" s="29"/>
      <c r="C27" s="7"/>
      <c r="D27" s="23">
        <v>100</v>
      </c>
      <c r="E27" s="24">
        <v>81.900000000000006</v>
      </c>
      <c r="F27" s="25">
        <v>10.4</v>
      </c>
      <c r="G27" s="26">
        <v>7.7</v>
      </c>
    </row>
    <row r="28" spans="2:7" x14ac:dyDescent="0.2">
      <c r="B28" s="29"/>
      <c r="C28" s="2" t="s">
        <v>43</v>
      </c>
      <c r="D28" s="19">
        <v>334</v>
      </c>
      <c r="E28" s="20">
        <v>282</v>
      </c>
      <c r="F28" s="21">
        <v>31</v>
      </c>
      <c r="G28" s="22">
        <v>21</v>
      </c>
    </row>
    <row r="29" spans="2:7" x14ac:dyDescent="0.2">
      <c r="B29" s="29"/>
      <c r="C29" s="7"/>
      <c r="D29" s="23">
        <v>100</v>
      </c>
      <c r="E29" s="24">
        <v>84.4</v>
      </c>
      <c r="F29" s="25">
        <v>9.3000000000000007</v>
      </c>
      <c r="G29" s="26">
        <v>6.3</v>
      </c>
    </row>
    <row r="30" spans="2:7" x14ac:dyDescent="0.2">
      <c r="B30" s="29"/>
      <c r="C30" s="2" t="s">
        <v>14</v>
      </c>
      <c r="D30" s="19">
        <v>28</v>
      </c>
      <c r="E30" s="20">
        <v>25</v>
      </c>
      <c r="F30" s="21">
        <v>1</v>
      </c>
      <c r="G30" s="22">
        <v>2</v>
      </c>
    </row>
    <row r="31" spans="2:7" x14ac:dyDescent="0.2">
      <c r="B31" s="29"/>
      <c r="C31" s="7"/>
      <c r="D31" s="23">
        <v>100</v>
      </c>
      <c r="E31" s="24">
        <v>89.3</v>
      </c>
      <c r="F31" s="25">
        <v>3.6</v>
      </c>
      <c r="G31" s="26">
        <v>7.1</v>
      </c>
    </row>
    <row r="32" spans="2:7" x14ac:dyDescent="0.2">
      <c r="B32" s="29"/>
      <c r="C32" s="2" t="s">
        <v>42</v>
      </c>
      <c r="D32" s="19">
        <v>390</v>
      </c>
      <c r="E32" s="20">
        <v>319</v>
      </c>
      <c r="F32" s="21">
        <v>52</v>
      </c>
      <c r="G32" s="22">
        <v>19</v>
      </c>
    </row>
    <row r="33" spans="2:7" x14ac:dyDescent="0.2">
      <c r="B33" s="29"/>
      <c r="C33" s="7"/>
      <c r="D33" s="23">
        <v>100</v>
      </c>
      <c r="E33" s="24">
        <v>81.8</v>
      </c>
      <c r="F33" s="25">
        <v>13.3</v>
      </c>
      <c r="G33" s="26">
        <v>4.9000000000000004</v>
      </c>
    </row>
    <row r="34" spans="2:7" x14ac:dyDescent="0.2">
      <c r="B34" s="29"/>
      <c r="C34" s="2" t="s">
        <v>13</v>
      </c>
      <c r="D34" s="19">
        <v>70</v>
      </c>
      <c r="E34" s="20">
        <v>54</v>
      </c>
      <c r="F34" s="21">
        <v>4</v>
      </c>
      <c r="G34" s="22">
        <v>12</v>
      </c>
    </row>
    <row r="35" spans="2:7" x14ac:dyDescent="0.2">
      <c r="B35" s="30"/>
      <c r="C35" s="10"/>
      <c r="D35" s="15">
        <v>100</v>
      </c>
      <c r="E35" s="16">
        <v>77.099999999999994</v>
      </c>
      <c r="F35" s="17">
        <v>5.7</v>
      </c>
      <c r="G35" s="18">
        <v>17.100000000000001</v>
      </c>
    </row>
    <row r="36" spans="2:7" x14ac:dyDescent="0.2">
      <c r="B36" s="28" t="s">
        <v>53</v>
      </c>
      <c r="C36" s="9" t="s">
        <v>12</v>
      </c>
      <c r="D36" s="11">
        <v>1241</v>
      </c>
      <c r="E36" s="31">
        <v>1019</v>
      </c>
      <c r="F36" s="13">
        <v>145</v>
      </c>
      <c r="G36" s="14">
        <v>77</v>
      </c>
    </row>
    <row r="37" spans="2:7" x14ac:dyDescent="0.2">
      <c r="B37" s="29"/>
      <c r="C37" s="8"/>
      <c r="D37" s="15">
        <v>100</v>
      </c>
      <c r="E37" s="16">
        <v>82.1</v>
      </c>
      <c r="F37" s="17">
        <v>11.7</v>
      </c>
      <c r="G37" s="18">
        <v>6.2</v>
      </c>
    </row>
    <row r="38" spans="2:7" x14ac:dyDescent="0.2">
      <c r="B38" s="29"/>
      <c r="C38" s="2" t="s">
        <v>41</v>
      </c>
      <c r="D38" s="19">
        <v>799</v>
      </c>
      <c r="E38" s="20">
        <v>668</v>
      </c>
      <c r="F38" s="21">
        <v>98</v>
      </c>
      <c r="G38" s="22">
        <v>33</v>
      </c>
    </row>
    <row r="39" spans="2:7" x14ac:dyDescent="0.2">
      <c r="B39" s="29"/>
      <c r="C39" s="7"/>
      <c r="D39" s="23">
        <v>100</v>
      </c>
      <c r="E39" s="24">
        <v>83.6</v>
      </c>
      <c r="F39" s="25">
        <v>12.3</v>
      </c>
      <c r="G39" s="26">
        <v>4.0999999999999996</v>
      </c>
    </row>
    <row r="40" spans="2:7" x14ac:dyDescent="0.2">
      <c r="B40" s="29"/>
      <c r="C40" s="2" t="s">
        <v>40</v>
      </c>
      <c r="D40" s="19">
        <v>182</v>
      </c>
      <c r="E40" s="20">
        <v>149</v>
      </c>
      <c r="F40" s="21">
        <v>18</v>
      </c>
      <c r="G40" s="22">
        <v>15</v>
      </c>
    </row>
    <row r="41" spans="2:7" x14ac:dyDescent="0.2">
      <c r="B41" s="29"/>
      <c r="C41" s="7"/>
      <c r="D41" s="23">
        <v>100</v>
      </c>
      <c r="E41" s="24">
        <v>81.900000000000006</v>
      </c>
      <c r="F41" s="25">
        <v>9.9</v>
      </c>
      <c r="G41" s="26">
        <v>8.1999999999999993</v>
      </c>
    </row>
    <row r="42" spans="2:7" x14ac:dyDescent="0.2">
      <c r="B42" s="29"/>
      <c r="C42" s="2" t="s">
        <v>39</v>
      </c>
      <c r="D42" s="19">
        <v>72</v>
      </c>
      <c r="E42" s="20">
        <v>56</v>
      </c>
      <c r="F42" s="21">
        <v>9</v>
      </c>
      <c r="G42" s="22">
        <v>7</v>
      </c>
    </row>
    <row r="43" spans="2:7" x14ac:dyDescent="0.2">
      <c r="B43" s="29"/>
      <c r="C43" s="7"/>
      <c r="D43" s="23">
        <v>100</v>
      </c>
      <c r="E43" s="24">
        <v>77.8</v>
      </c>
      <c r="F43" s="25">
        <v>12.5</v>
      </c>
      <c r="G43" s="26">
        <v>9.6999999999999993</v>
      </c>
    </row>
    <row r="44" spans="2:7" x14ac:dyDescent="0.2">
      <c r="B44" s="29"/>
      <c r="C44" s="2" t="s">
        <v>38</v>
      </c>
      <c r="D44" s="19">
        <v>127</v>
      </c>
      <c r="E44" s="20">
        <v>99</v>
      </c>
      <c r="F44" s="21">
        <v>18</v>
      </c>
      <c r="G44" s="22">
        <v>10</v>
      </c>
    </row>
    <row r="45" spans="2:7" x14ac:dyDescent="0.2">
      <c r="B45" s="29"/>
      <c r="C45" s="7"/>
      <c r="D45" s="23">
        <v>100</v>
      </c>
      <c r="E45" s="24">
        <v>78</v>
      </c>
      <c r="F45" s="25">
        <v>14.2</v>
      </c>
      <c r="G45" s="26">
        <v>7.9</v>
      </c>
    </row>
    <row r="46" spans="2:7" x14ac:dyDescent="0.2">
      <c r="B46" s="29"/>
      <c r="C46" s="2" t="s">
        <v>13</v>
      </c>
      <c r="D46" s="19">
        <v>61</v>
      </c>
      <c r="E46" s="20">
        <v>47</v>
      </c>
      <c r="F46" s="21">
        <v>2</v>
      </c>
      <c r="G46" s="22">
        <v>12</v>
      </c>
    </row>
    <row r="47" spans="2:7" x14ac:dyDescent="0.2">
      <c r="B47" s="30"/>
      <c r="C47" s="10"/>
      <c r="D47" s="15">
        <v>100</v>
      </c>
      <c r="E47" s="16">
        <v>77</v>
      </c>
      <c r="F47" s="17">
        <v>3.3</v>
      </c>
      <c r="G47" s="18">
        <v>19.7</v>
      </c>
    </row>
  </sheetData>
  <mergeCells count="3">
    <mergeCell ref="B4:B11"/>
    <mergeCell ref="B12:B35"/>
    <mergeCell ref="B36:B47"/>
  </mergeCells>
  <phoneticPr fontId="2"/>
  <pageMargins left="0.7" right="0.7" top="0.75" bottom="0.75" header="0.3" footer="0.3"/>
</worksheet>
</file>

<file path=xl/worksheets/sheet5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topLeftCell="A55"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58</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925</v>
      </c>
      <c r="F4" s="13">
        <v>246</v>
      </c>
      <c r="G4" s="14">
        <v>70</v>
      </c>
    </row>
    <row r="5" spans="2:7" x14ac:dyDescent="0.2">
      <c r="B5" s="29"/>
      <c r="C5" s="8"/>
      <c r="D5" s="15">
        <v>100</v>
      </c>
      <c r="E5" s="16">
        <v>74.5</v>
      </c>
      <c r="F5" s="17">
        <v>19.8</v>
      </c>
      <c r="G5" s="18">
        <v>5.6</v>
      </c>
    </row>
    <row r="6" spans="2:7" x14ac:dyDescent="0.2">
      <c r="B6" s="29"/>
      <c r="C6" s="2" t="s">
        <v>30</v>
      </c>
      <c r="D6" s="19">
        <v>499</v>
      </c>
      <c r="E6" s="20">
        <v>391</v>
      </c>
      <c r="F6" s="21">
        <v>92</v>
      </c>
      <c r="G6" s="22">
        <v>16</v>
      </c>
    </row>
    <row r="7" spans="2:7" x14ac:dyDescent="0.2">
      <c r="B7" s="29"/>
      <c r="C7" s="7"/>
      <c r="D7" s="23">
        <v>100</v>
      </c>
      <c r="E7" s="24">
        <v>78.400000000000006</v>
      </c>
      <c r="F7" s="25">
        <v>18.399999999999999</v>
      </c>
      <c r="G7" s="26">
        <v>3.2</v>
      </c>
    </row>
    <row r="8" spans="2:7" x14ac:dyDescent="0.2">
      <c r="B8" s="29"/>
      <c r="C8" s="2" t="s">
        <v>29</v>
      </c>
      <c r="D8" s="19">
        <v>150</v>
      </c>
      <c r="E8" s="20">
        <v>100</v>
      </c>
      <c r="F8" s="21">
        <v>39</v>
      </c>
      <c r="G8" s="22">
        <v>11</v>
      </c>
    </row>
    <row r="9" spans="2:7" x14ac:dyDescent="0.2">
      <c r="B9" s="29"/>
      <c r="C9" s="7"/>
      <c r="D9" s="23">
        <v>100</v>
      </c>
      <c r="E9" s="24">
        <v>66.7</v>
      </c>
      <c r="F9" s="25">
        <v>26</v>
      </c>
      <c r="G9" s="26">
        <v>7.3</v>
      </c>
    </row>
    <row r="10" spans="2:7" x14ac:dyDescent="0.2">
      <c r="B10" s="29"/>
      <c r="C10" s="2" t="s">
        <v>28</v>
      </c>
      <c r="D10" s="19">
        <v>82</v>
      </c>
      <c r="E10" s="20">
        <v>60</v>
      </c>
      <c r="F10" s="21">
        <v>19</v>
      </c>
      <c r="G10" s="22">
        <v>3</v>
      </c>
    </row>
    <row r="11" spans="2:7" x14ac:dyDescent="0.2">
      <c r="B11" s="29"/>
      <c r="C11" s="7"/>
      <c r="D11" s="23">
        <v>100</v>
      </c>
      <c r="E11" s="24">
        <v>73.2</v>
      </c>
      <c r="F11" s="25">
        <v>23.2</v>
      </c>
      <c r="G11" s="26">
        <v>3.7</v>
      </c>
    </row>
    <row r="12" spans="2:7" x14ac:dyDescent="0.2">
      <c r="B12" s="29"/>
      <c r="C12" s="2" t="s">
        <v>27</v>
      </c>
      <c r="D12" s="19">
        <v>92</v>
      </c>
      <c r="E12" s="20">
        <v>73</v>
      </c>
      <c r="F12" s="21">
        <v>14</v>
      </c>
      <c r="G12" s="22">
        <v>5</v>
      </c>
    </row>
    <row r="13" spans="2:7" x14ac:dyDescent="0.2">
      <c r="B13" s="29"/>
      <c r="C13" s="7"/>
      <c r="D13" s="23">
        <v>100</v>
      </c>
      <c r="E13" s="24">
        <v>79.3</v>
      </c>
      <c r="F13" s="25">
        <v>15.2</v>
      </c>
      <c r="G13" s="26">
        <v>5.4</v>
      </c>
    </row>
    <row r="14" spans="2:7" x14ac:dyDescent="0.2">
      <c r="B14" s="29"/>
      <c r="C14" s="2" t="s">
        <v>26</v>
      </c>
      <c r="D14" s="19">
        <v>112</v>
      </c>
      <c r="E14" s="20">
        <v>76</v>
      </c>
      <c r="F14" s="21">
        <v>28</v>
      </c>
      <c r="G14" s="22">
        <v>8</v>
      </c>
    </row>
    <row r="15" spans="2:7" x14ac:dyDescent="0.2">
      <c r="B15" s="29"/>
      <c r="C15" s="7"/>
      <c r="D15" s="23">
        <v>100</v>
      </c>
      <c r="E15" s="24">
        <v>67.900000000000006</v>
      </c>
      <c r="F15" s="25">
        <v>25</v>
      </c>
      <c r="G15" s="26">
        <v>7.1</v>
      </c>
    </row>
    <row r="16" spans="2:7" x14ac:dyDescent="0.2">
      <c r="B16" s="29"/>
      <c r="C16" s="2" t="s">
        <v>25</v>
      </c>
      <c r="D16" s="19">
        <v>188</v>
      </c>
      <c r="E16" s="20">
        <v>139</v>
      </c>
      <c r="F16" s="21">
        <v>35</v>
      </c>
      <c r="G16" s="22">
        <v>14</v>
      </c>
    </row>
    <row r="17" spans="2:7" x14ac:dyDescent="0.2">
      <c r="B17" s="29"/>
      <c r="C17" s="7"/>
      <c r="D17" s="23">
        <v>100</v>
      </c>
      <c r="E17" s="24">
        <v>73.900000000000006</v>
      </c>
      <c r="F17" s="25">
        <v>18.600000000000001</v>
      </c>
      <c r="G17" s="26">
        <v>7.4</v>
      </c>
    </row>
    <row r="18" spans="2:7" x14ac:dyDescent="0.2">
      <c r="B18" s="29"/>
      <c r="C18" s="2" t="s">
        <v>24</v>
      </c>
      <c r="D18" s="19">
        <v>60</v>
      </c>
      <c r="E18" s="20">
        <v>47</v>
      </c>
      <c r="F18" s="21">
        <v>11</v>
      </c>
      <c r="G18" s="22">
        <v>2</v>
      </c>
    </row>
    <row r="19" spans="2:7" x14ac:dyDescent="0.2">
      <c r="B19" s="29"/>
      <c r="C19" s="7"/>
      <c r="D19" s="23">
        <v>100</v>
      </c>
      <c r="E19" s="24">
        <v>78.3</v>
      </c>
      <c r="F19" s="25">
        <v>18.3</v>
      </c>
      <c r="G19" s="26">
        <v>3.3</v>
      </c>
    </row>
    <row r="20" spans="2:7" x14ac:dyDescent="0.2">
      <c r="B20" s="29"/>
      <c r="C20" s="2" t="s">
        <v>13</v>
      </c>
      <c r="D20" s="19">
        <v>58</v>
      </c>
      <c r="E20" s="20">
        <v>39</v>
      </c>
      <c r="F20" s="21">
        <v>8</v>
      </c>
      <c r="G20" s="22">
        <v>11</v>
      </c>
    </row>
    <row r="21" spans="2:7" x14ac:dyDescent="0.2">
      <c r="B21" s="30"/>
      <c r="C21" s="10"/>
      <c r="D21" s="15">
        <v>100</v>
      </c>
      <c r="E21" s="16">
        <v>67.2</v>
      </c>
      <c r="F21" s="17">
        <v>13.8</v>
      </c>
      <c r="G21" s="18">
        <v>19</v>
      </c>
    </row>
    <row r="22" spans="2:7" x14ac:dyDescent="0.2">
      <c r="B22" s="28" t="s">
        <v>35</v>
      </c>
      <c r="C22" s="9" t="s">
        <v>12</v>
      </c>
      <c r="D22" s="11">
        <v>1241</v>
      </c>
      <c r="E22" s="12">
        <v>925</v>
      </c>
      <c r="F22" s="13">
        <v>246</v>
      </c>
      <c r="G22" s="14">
        <v>70</v>
      </c>
    </row>
    <row r="23" spans="2:7" x14ac:dyDescent="0.2">
      <c r="B23" s="29"/>
      <c r="C23" s="8"/>
      <c r="D23" s="15">
        <v>100</v>
      </c>
      <c r="E23" s="16">
        <v>74.5</v>
      </c>
      <c r="F23" s="17">
        <v>19.8</v>
      </c>
      <c r="G23" s="18">
        <v>5.6</v>
      </c>
    </row>
    <row r="24" spans="2:7" x14ac:dyDescent="0.2">
      <c r="B24" s="29"/>
      <c r="C24" s="2" t="s">
        <v>23</v>
      </c>
      <c r="D24" s="19">
        <v>563</v>
      </c>
      <c r="E24" s="20">
        <v>439</v>
      </c>
      <c r="F24" s="21">
        <v>97</v>
      </c>
      <c r="G24" s="22">
        <v>27</v>
      </c>
    </row>
    <row r="25" spans="2:7" x14ac:dyDescent="0.2">
      <c r="B25" s="29"/>
      <c r="C25" s="7"/>
      <c r="D25" s="23">
        <v>100</v>
      </c>
      <c r="E25" s="24">
        <v>78</v>
      </c>
      <c r="F25" s="25">
        <v>17.2</v>
      </c>
      <c r="G25" s="26">
        <v>4.8</v>
      </c>
    </row>
    <row r="26" spans="2:7" x14ac:dyDescent="0.2">
      <c r="B26" s="29"/>
      <c r="C26" s="2" t="s">
        <v>22</v>
      </c>
      <c r="D26" s="19">
        <v>607</v>
      </c>
      <c r="E26" s="20">
        <v>436</v>
      </c>
      <c r="F26" s="21">
        <v>139</v>
      </c>
      <c r="G26" s="22">
        <v>32</v>
      </c>
    </row>
    <row r="27" spans="2:7" x14ac:dyDescent="0.2">
      <c r="B27" s="29"/>
      <c r="C27" s="7"/>
      <c r="D27" s="23">
        <v>100</v>
      </c>
      <c r="E27" s="24">
        <v>71.8</v>
      </c>
      <c r="F27" s="25">
        <v>22.9</v>
      </c>
      <c r="G27" s="26">
        <v>5.3</v>
      </c>
    </row>
    <row r="28" spans="2:7" x14ac:dyDescent="0.2">
      <c r="B28" s="29"/>
      <c r="C28" s="2" t="s">
        <v>13</v>
      </c>
      <c r="D28" s="19">
        <v>71</v>
      </c>
      <c r="E28" s="20">
        <v>50</v>
      </c>
      <c r="F28" s="21">
        <v>10</v>
      </c>
      <c r="G28" s="22">
        <v>11</v>
      </c>
    </row>
    <row r="29" spans="2:7" x14ac:dyDescent="0.2">
      <c r="B29" s="30"/>
      <c r="C29" s="10"/>
      <c r="D29" s="15">
        <v>100</v>
      </c>
      <c r="E29" s="16">
        <v>70.400000000000006</v>
      </c>
      <c r="F29" s="17">
        <v>14.1</v>
      </c>
      <c r="G29" s="18">
        <v>15.5</v>
      </c>
    </row>
    <row r="30" spans="2:7" x14ac:dyDescent="0.2">
      <c r="B30" s="28" t="s">
        <v>34</v>
      </c>
      <c r="C30" s="9" t="s">
        <v>12</v>
      </c>
      <c r="D30" s="11">
        <v>1241</v>
      </c>
      <c r="E30" s="12">
        <v>925</v>
      </c>
      <c r="F30" s="13">
        <v>246</v>
      </c>
      <c r="G30" s="14">
        <v>70</v>
      </c>
    </row>
    <row r="31" spans="2:7" x14ac:dyDescent="0.2">
      <c r="B31" s="29"/>
      <c r="C31" s="8"/>
      <c r="D31" s="15">
        <v>100</v>
      </c>
      <c r="E31" s="16">
        <v>74.5</v>
      </c>
      <c r="F31" s="17">
        <v>19.8</v>
      </c>
      <c r="G31" s="18">
        <v>5.6</v>
      </c>
    </row>
    <row r="32" spans="2:7" x14ac:dyDescent="0.2">
      <c r="B32" s="29"/>
      <c r="C32" s="2" t="s">
        <v>76</v>
      </c>
      <c r="D32" s="19">
        <v>3</v>
      </c>
      <c r="E32" s="20">
        <v>3</v>
      </c>
      <c r="F32" s="21" t="s">
        <v>152</v>
      </c>
      <c r="G32" s="22" t="s">
        <v>152</v>
      </c>
    </row>
    <row r="33" spans="2:7" x14ac:dyDescent="0.2">
      <c r="B33" s="29"/>
      <c r="C33" s="7"/>
      <c r="D33" s="23">
        <v>100</v>
      </c>
      <c r="E33" s="24">
        <v>100</v>
      </c>
      <c r="F33" s="25" t="s">
        <v>152</v>
      </c>
      <c r="G33" s="26" t="s">
        <v>152</v>
      </c>
    </row>
    <row r="34" spans="2:7" x14ac:dyDescent="0.2">
      <c r="B34" s="29"/>
      <c r="C34" s="2" t="s">
        <v>78</v>
      </c>
      <c r="D34" s="19">
        <v>51</v>
      </c>
      <c r="E34" s="20">
        <v>41</v>
      </c>
      <c r="F34" s="21">
        <v>10</v>
      </c>
      <c r="G34" s="22" t="s">
        <v>152</v>
      </c>
    </row>
    <row r="35" spans="2:7" x14ac:dyDescent="0.2">
      <c r="B35" s="29"/>
      <c r="C35" s="7"/>
      <c r="D35" s="23">
        <v>100</v>
      </c>
      <c r="E35" s="24">
        <v>80.400000000000006</v>
      </c>
      <c r="F35" s="25">
        <v>19.600000000000001</v>
      </c>
      <c r="G35" s="26" t="s">
        <v>152</v>
      </c>
    </row>
    <row r="36" spans="2:7" x14ac:dyDescent="0.2">
      <c r="B36" s="29"/>
      <c r="C36" s="2" t="s">
        <v>147</v>
      </c>
      <c r="D36" s="19">
        <v>54</v>
      </c>
      <c r="E36" s="20">
        <v>44</v>
      </c>
      <c r="F36" s="21">
        <v>10</v>
      </c>
      <c r="G36" s="22" t="s">
        <v>152</v>
      </c>
    </row>
    <row r="37" spans="2:7" x14ac:dyDescent="0.2">
      <c r="B37" s="29"/>
      <c r="C37" s="7"/>
      <c r="D37" s="23">
        <v>100</v>
      </c>
      <c r="E37" s="24">
        <v>81.481481481481481</v>
      </c>
      <c r="F37" s="25">
        <v>18.518518518518519</v>
      </c>
      <c r="G37" s="26" t="s">
        <v>152</v>
      </c>
    </row>
    <row r="38" spans="2:7" x14ac:dyDescent="0.2">
      <c r="B38" s="29"/>
      <c r="C38" s="2" t="s">
        <v>80</v>
      </c>
      <c r="D38" s="19">
        <v>116</v>
      </c>
      <c r="E38" s="20">
        <v>87</v>
      </c>
      <c r="F38" s="21">
        <v>26</v>
      </c>
      <c r="G38" s="22">
        <v>3</v>
      </c>
    </row>
    <row r="39" spans="2:7" x14ac:dyDescent="0.2">
      <c r="B39" s="29"/>
      <c r="C39" s="7"/>
      <c r="D39" s="23">
        <v>100</v>
      </c>
      <c r="E39" s="24">
        <v>75</v>
      </c>
      <c r="F39" s="25">
        <v>22.4</v>
      </c>
      <c r="G39" s="26">
        <v>2.6</v>
      </c>
    </row>
    <row r="40" spans="2:7" x14ac:dyDescent="0.2">
      <c r="B40" s="29"/>
      <c r="C40" s="2" t="s">
        <v>82</v>
      </c>
      <c r="D40" s="19">
        <v>200</v>
      </c>
      <c r="E40" s="20">
        <v>139</v>
      </c>
      <c r="F40" s="21">
        <v>53</v>
      </c>
      <c r="G40" s="22">
        <v>8</v>
      </c>
    </row>
    <row r="41" spans="2:7" x14ac:dyDescent="0.2">
      <c r="B41" s="29"/>
      <c r="C41" s="7"/>
      <c r="D41" s="23">
        <v>100</v>
      </c>
      <c r="E41" s="24">
        <v>69.5</v>
      </c>
      <c r="F41" s="25">
        <v>26.5</v>
      </c>
      <c r="G41" s="26">
        <v>4</v>
      </c>
    </row>
    <row r="42" spans="2:7" x14ac:dyDescent="0.2">
      <c r="B42" s="29"/>
      <c r="C42" s="2" t="s">
        <v>84</v>
      </c>
      <c r="D42" s="19">
        <v>289</v>
      </c>
      <c r="E42" s="20">
        <v>223</v>
      </c>
      <c r="F42" s="21">
        <v>59</v>
      </c>
      <c r="G42" s="22">
        <v>7</v>
      </c>
    </row>
    <row r="43" spans="2:7" x14ac:dyDescent="0.2">
      <c r="B43" s="29"/>
      <c r="C43" s="7"/>
      <c r="D43" s="23">
        <v>100</v>
      </c>
      <c r="E43" s="24">
        <v>77.2</v>
      </c>
      <c r="F43" s="25">
        <v>20.399999999999999</v>
      </c>
      <c r="G43" s="26">
        <v>2.4</v>
      </c>
    </row>
    <row r="44" spans="2:7" x14ac:dyDescent="0.2">
      <c r="B44" s="29"/>
      <c r="C44" s="2" t="s">
        <v>86</v>
      </c>
      <c r="D44" s="19">
        <v>247</v>
      </c>
      <c r="E44" s="20">
        <v>188</v>
      </c>
      <c r="F44" s="21">
        <v>42</v>
      </c>
      <c r="G44" s="22">
        <v>17</v>
      </c>
    </row>
    <row r="45" spans="2:7" x14ac:dyDescent="0.2">
      <c r="B45" s="29"/>
      <c r="C45" s="7"/>
      <c r="D45" s="23">
        <v>100</v>
      </c>
      <c r="E45" s="24">
        <v>76.099999999999994</v>
      </c>
      <c r="F45" s="25">
        <v>17</v>
      </c>
      <c r="G45" s="26">
        <v>6.9</v>
      </c>
    </row>
    <row r="46" spans="2:7" x14ac:dyDescent="0.2">
      <c r="B46" s="29"/>
      <c r="C46" s="2" t="s">
        <v>88</v>
      </c>
      <c r="D46" s="19">
        <v>125</v>
      </c>
      <c r="E46" s="20">
        <v>94</v>
      </c>
      <c r="F46" s="21">
        <v>21</v>
      </c>
      <c r="G46" s="22">
        <v>10</v>
      </c>
    </row>
    <row r="47" spans="2:7" x14ac:dyDescent="0.2">
      <c r="B47" s="29"/>
      <c r="C47" s="7"/>
      <c r="D47" s="23">
        <v>100</v>
      </c>
      <c r="E47" s="24">
        <v>75.2</v>
      </c>
      <c r="F47" s="25">
        <v>16.8</v>
      </c>
      <c r="G47" s="26">
        <v>8</v>
      </c>
    </row>
    <row r="48" spans="2:7" x14ac:dyDescent="0.2">
      <c r="B48" s="29"/>
      <c r="C48" s="2" t="s">
        <v>90</v>
      </c>
      <c r="D48" s="19">
        <v>150</v>
      </c>
      <c r="E48" s="20">
        <v>111</v>
      </c>
      <c r="F48" s="21">
        <v>27</v>
      </c>
      <c r="G48" s="22">
        <v>12</v>
      </c>
    </row>
    <row r="49" spans="2:7" x14ac:dyDescent="0.2">
      <c r="B49" s="29"/>
      <c r="C49" s="7"/>
      <c r="D49" s="23">
        <v>100</v>
      </c>
      <c r="E49" s="24">
        <v>74</v>
      </c>
      <c r="F49" s="25">
        <v>18</v>
      </c>
      <c r="G49" s="26">
        <v>8</v>
      </c>
    </row>
    <row r="50" spans="2:7" x14ac:dyDescent="0.2">
      <c r="B50" s="29"/>
      <c r="C50" s="2" t="s">
        <v>92</v>
      </c>
      <c r="D50" s="19">
        <v>60</v>
      </c>
      <c r="E50" s="20">
        <v>39</v>
      </c>
      <c r="F50" s="21">
        <v>8</v>
      </c>
      <c r="G50" s="22">
        <v>13</v>
      </c>
    </row>
    <row r="51" spans="2:7" x14ac:dyDescent="0.2">
      <c r="B51" s="29"/>
      <c r="C51" s="10"/>
      <c r="D51" s="23">
        <v>100</v>
      </c>
      <c r="E51" s="24">
        <v>65</v>
      </c>
      <c r="F51" s="25">
        <v>13.3</v>
      </c>
      <c r="G51" s="26">
        <v>21.7</v>
      </c>
    </row>
    <row r="52" spans="2:7" x14ac:dyDescent="0.2">
      <c r="B52" s="28" t="s">
        <v>33</v>
      </c>
      <c r="C52" s="9" t="s">
        <v>12</v>
      </c>
      <c r="D52" s="11">
        <v>1241</v>
      </c>
      <c r="E52" s="12">
        <v>925</v>
      </c>
      <c r="F52" s="13">
        <v>246</v>
      </c>
      <c r="G52" s="14">
        <v>70</v>
      </c>
    </row>
    <row r="53" spans="2:7" x14ac:dyDescent="0.2">
      <c r="B53" s="29"/>
      <c r="C53" s="8"/>
      <c r="D53" s="15">
        <v>100</v>
      </c>
      <c r="E53" s="16">
        <v>74.5</v>
      </c>
      <c r="F53" s="17">
        <v>19.8</v>
      </c>
      <c r="G53" s="18">
        <v>5.6</v>
      </c>
    </row>
    <row r="54" spans="2:7" x14ac:dyDescent="0.2">
      <c r="B54" s="29"/>
      <c r="C54" s="2" t="s">
        <v>57</v>
      </c>
      <c r="D54" s="19">
        <v>2</v>
      </c>
      <c r="E54" s="20">
        <v>2</v>
      </c>
      <c r="F54" s="21" t="s">
        <v>152</v>
      </c>
      <c r="G54" s="22" t="s">
        <v>152</v>
      </c>
    </row>
    <row r="55" spans="2:7" x14ac:dyDescent="0.2">
      <c r="B55" s="29"/>
      <c r="C55" s="7"/>
      <c r="D55" s="23">
        <v>100</v>
      </c>
      <c r="E55" s="24">
        <v>100</v>
      </c>
      <c r="F55" s="25" t="s">
        <v>152</v>
      </c>
      <c r="G55" s="26" t="s">
        <v>152</v>
      </c>
    </row>
    <row r="56" spans="2:7" x14ac:dyDescent="0.2">
      <c r="B56" s="29"/>
      <c r="C56" s="2" t="s">
        <v>63</v>
      </c>
      <c r="D56" s="19">
        <v>20</v>
      </c>
      <c r="E56" s="20">
        <v>17</v>
      </c>
      <c r="F56" s="21">
        <v>3</v>
      </c>
      <c r="G56" s="22" t="s">
        <v>152</v>
      </c>
    </row>
    <row r="57" spans="2:7" x14ac:dyDescent="0.2">
      <c r="B57" s="29"/>
      <c r="C57" s="7"/>
      <c r="D57" s="23">
        <v>100</v>
      </c>
      <c r="E57" s="24">
        <v>85</v>
      </c>
      <c r="F57" s="25">
        <v>15</v>
      </c>
      <c r="G57" s="26" t="s">
        <v>152</v>
      </c>
    </row>
    <row r="58" spans="2:7" x14ac:dyDescent="0.2">
      <c r="B58" s="29"/>
      <c r="C58" s="2" t="s">
        <v>148</v>
      </c>
      <c r="D58" s="19">
        <v>22</v>
      </c>
      <c r="E58" s="20">
        <v>19</v>
      </c>
      <c r="F58" s="21">
        <v>3</v>
      </c>
      <c r="G58" s="22" t="s">
        <v>152</v>
      </c>
    </row>
    <row r="59" spans="2:7" x14ac:dyDescent="0.2">
      <c r="B59" s="29"/>
      <c r="C59" s="7"/>
      <c r="D59" s="23">
        <v>100</v>
      </c>
      <c r="E59" s="24">
        <v>86.36363636363636</v>
      </c>
      <c r="F59" s="25">
        <v>13.636363636363635</v>
      </c>
      <c r="G59" s="26" t="s">
        <v>152</v>
      </c>
    </row>
    <row r="60" spans="2:7" x14ac:dyDescent="0.2">
      <c r="B60" s="29"/>
      <c r="C60" s="2" t="s">
        <v>64</v>
      </c>
      <c r="D60" s="19">
        <v>51</v>
      </c>
      <c r="E60" s="20">
        <v>43</v>
      </c>
      <c r="F60" s="21">
        <v>6</v>
      </c>
      <c r="G60" s="22">
        <v>2</v>
      </c>
    </row>
    <row r="61" spans="2:7" x14ac:dyDescent="0.2">
      <c r="B61" s="29"/>
      <c r="C61" s="7"/>
      <c r="D61" s="23">
        <v>100</v>
      </c>
      <c r="E61" s="24">
        <v>84.3</v>
      </c>
      <c r="F61" s="25">
        <v>11.8</v>
      </c>
      <c r="G61" s="26">
        <v>3.9</v>
      </c>
    </row>
    <row r="62" spans="2:7" x14ac:dyDescent="0.2">
      <c r="B62" s="29"/>
      <c r="C62" s="2" t="s">
        <v>65</v>
      </c>
      <c r="D62" s="19">
        <v>88</v>
      </c>
      <c r="E62" s="20">
        <v>67</v>
      </c>
      <c r="F62" s="21">
        <v>19</v>
      </c>
      <c r="G62" s="22">
        <v>2</v>
      </c>
    </row>
    <row r="63" spans="2:7" x14ac:dyDescent="0.2">
      <c r="B63" s="29"/>
      <c r="C63" s="7"/>
      <c r="D63" s="23">
        <v>100</v>
      </c>
      <c r="E63" s="24">
        <v>76.099999999999994</v>
      </c>
      <c r="F63" s="25">
        <v>21.6</v>
      </c>
      <c r="G63" s="26">
        <v>2.2999999999999998</v>
      </c>
    </row>
    <row r="64" spans="2:7" x14ac:dyDescent="0.2">
      <c r="B64" s="29"/>
      <c r="C64" s="2" t="s">
        <v>66</v>
      </c>
      <c r="D64" s="19">
        <v>146</v>
      </c>
      <c r="E64" s="20">
        <v>117</v>
      </c>
      <c r="F64" s="21">
        <v>26</v>
      </c>
      <c r="G64" s="22">
        <v>3</v>
      </c>
    </row>
    <row r="65" spans="2:7" x14ac:dyDescent="0.2">
      <c r="B65" s="29"/>
      <c r="C65" s="7"/>
      <c r="D65" s="23">
        <v>100</v>
      </c>
      <c r="E65" s="24">
        <v>80.099999999999994</v>
      </c>
      <c r="F65" s="25">
        <v>17.8</v>
      </c>
      <c r="G65" s="26">
        <v>2.1</v>
      </c>
    </row>
    <row r="66" spans="2:7" x14ac:dyDescent="0.2">
      <c r="B66" s="29"/>
      <c r="C66" s="2" t="s">
        <v>67</v>
      </c>
      <c r="D66" s="19">
        <v>133</v>
      </c>
      <c r="E66" s="20">
        <v>100</v>
      </c>
      <c r="F66" s="21">
        <v>24</v>
      </c>
      <c r="G66" s="22">
        <v>9</v>
      </c>
    </row>
    <row r="67" spans="2:7" x14ac:dyDescent="0.2">
      <c r="B67" s="29"/>
      <c r="C67" s="7"/>
      <c r="D67" s="23">
        <v>100</v>
      </c>
      <c r="E67" s="24">
        <v>75.2</v>
      </c>
      <c r="F67" s="25">
        <v>18</v>
      </c>
      <c r="G67" s="26">
        <v>6.8</v>
      </c>
    </row>
    <row r="68" spans="2:7" x14ac:dyDescent="0.2">
      <c r="B68" s="29"/>
      <c r="C68" s="2" t="s">
        <v>58</v>
      </c>
      <c r="D68" s="19">
        <v>57</v>
      </c>
      <c r="E68" s="20">
        <v>43</v>
      </c>
      <c r="F68" s="21">
        <v>10</v>
      </c>
      <c r="G68" s="22">
        <v>4</v>
      </c>
    </row>
    <row r="69" spans="2:7" x14ac:dyDescent="0.2">
      <c r="B69" s="29"/>
      <c r="C69" s="7"/>
      <c r="D69" s="23">
        <v>100</v>
      </c>
      <c r="E69" s="24">
        <v>75.400000000000006</v>
      </c>
      <c r="F69" s="25">
        <v>17.5</v>
      </c>
      <c r="G69" s="26">
        <v>7</v>
      </c>
    </row>
    <row r="70" spans="2:7" x14ac:dyDescent="0.2">
      <c r="B70" s="29"/>
      <c r="C70" s="2" t="s">
        <v>68</v>
      </c>
      <c r="D70" s="19">
        <v>65</v>
      </c>
      <c r="E70" s="20">
        <v>50</v>
      </c>
      <c r="F70" s="21">
        <v>9</v>
      </c>
      <c r="G70" s="22">
        <v>6</v>
      </c>
    </row>
    <row r="71" spans="2:7" x14ac:dyDescent="0.2">
      <c r="B71" s="29"/>
      <c r="C71" s="7"/>
      <c r="D71" s="23">
        <v>100</v>
      </c>
      <c r="E71" s="24">
        <v>76.900000000000006</v>
      </c>
      <c r="F71" s="25">
        <v>13.8</v>
      </c>
      <c r="G71" s="26">
        <v>9.1999999999999993</v>
      </c>
    </row>
    <row r="72" spans="2:7" x14ac:dyDescent="0.2">
      <c r="B72" s="29"/>
      <c r="C72" s="2" t="s">
        <v>59</v>
      </c>
      <c r="D72" s="19">
        <v>1</v>
      </c>
      <c r="E72" s="20">
        <v>1</v>
      </c>
      <c r="F72" s="21" t="s">
        <v>152</v>
      </c>
      <c r="G72" s="22" t="s">
        <v>152</v>
      </c>
    </row>
    <row r="73" spans="2:7" x14ac:dyDescent="0.2">
      <c r="B73" s="29"/>
      <c r="C73" s="7"/>
      <c r="D73" s="23">
        <v>100</v>
      </c>
      <c r="E73" s="24">
        <v>100</v>
      </c>
      <c r="F73" s="25" t="s">
        <v>152</v>
      </c>
      <c r="G73" s="26" t="s">
        <v>152</v>
      </c>
    </row>
    <row r="74" spans="2:7" x14ac:dyDescent="0.2">
      <c r="B74" s="29"/>
      <c r="C74" s="2" t="s">
        <v>69</v>
      </c>
      <c r="D74" s="19">
        <v>29</v>
      </c>
      <c r="E74" s="20">
        <v>23</v>
      </c>
      <c r="F74" s="21">
        <v>6</v>
      </c>
      <c r="G74" s="22" t="s">
        <v>152</v>
      </c>
    </row>
    <row r="75" spans="2:7" x14ac:dyDescent="0.2">
      <c r="B75" s="29"/>
      <c r="C75" s="7"/>
      <c r="D75" s="23">
        <v>100</v>
      </c>
      <c r="E75" s="24">
        <v>79.3</v>
      </c>
      <c r="F75" s="25">
        <v>20.7</v>
      </c>
      <c r="G75" s="26" t="s">
        <v>152</v>
      </c>
    </row>
    <row r="76" spans="2:7" x14ac:dyDescent="0.2">
      <c r="B76" s="29"/>
      <c r="C76" s="2" t="s">
        <v>149</v>
      </c>
      <c r="D76" s="19">
        <v>30</v>
      </c>
      <c r="E76" s="20">
        <v>24</v>
      </c>
      <c r="F76" s="21">
        <v>6</v>
      </c>
      <c r="G76" s="22" t="s">
        <v>152</v>
      </c>
    </row>
    <row r="77" spans="2:7" x14ac:dyDescent="0.2">
      <c r="B77" s="29"/>
      <c r="C77" s="7"/>
      <c r="D77" s="23">
        <v>100</v>
      </c>
      <c r="E77" s="24">
        <v>80</v>
      </c>
      <c r="F77" s="25">
        <v>20</v>
      </c>
      <c r="G77" s="26" t="s">
        <v>152</v>
      </c>
    </row>
    <row r="78" spans="2:7" x14ac:dyDescent="0.2">
      <c r="B78" s="29"/>
      <c r="C78" s="2" t="s">
        <v>70</v>
      </c>
      <c r="D78" s="19">
        <v>64</v>
      </c>
      <c r="E78" s="20">
        <v>43</v>
      </c>
      <c r="F78" s="21">
        <v>20</v>
      </c>
      <c r="G78" s="22">
        <v>1</v>
      </c>
    </row>
    <row r="79" spans="2:7" x14ac:dyDescent="0.2">
      <c r="B79" s="29"/>
      <c r="C79" s="7"/>
      <c r="D79" s="23">
        <v>100</v>
      </c>
      <c r="E79" s="24">
        <v>67.2</v>
      </c>
      <c r="F79" s="25">
        <v>31.3</v>
      </c>
      <c r="G79" s="26">
        <v>1.6</v>
      </c>
    </row>
    <row r="80" spans="2:7" x14ac:dyDescent="0.2">
      <c r="B80" s="29"/>
      <c r="C80" s="2" t="s">
        <v>71</v>
      </c>
      <c r="D80" s="19">
        <v>112</v>
      </c>
      <c r="E80" s="20">
        <v>72</v>
      </c>
      <c r="F80" s="21">
        <v>34</v>
      </c>
      <c r="G80" s="22">
        <v>6</v>
      </c>
    </row>
    <row r="81" spans="2:7" x14ac:dyDescent="0.2">
      <c r="B81" s="29"/>
      <c r="C81" s="7"/>
      <c r="D81" s="23">
        <v>100</v>
      </c>
      <c r="E81" s="24">
        <v>64.3</v>
      </c>
      <c r="F81" s="25">
        <v>30.4</v>
      </c>
      <c r="G81" s="26">
        <v>5.4</v>
      </c>
    </row>
    <row r="82" spans="2:7" x14ac:dyDescent="0.2">
      <c r="B82" s="29"/>
      <c r="C82" s="2" t="s">
        <v>72</v>
      </c>
      <c r="D82" s="19">
        <v>137</v>
      </c>
      <c r="E82" s="20">
        <v>100</v>
      </c>
      <c r="F82" s="21">
        <v>33</v>
      </c>
      <c r="G82" s="22">
        <v>4</v>
      </c>
    </row>
    <row r="83" spans="2:7" x14ac:dyDescent="0.2">
      <c r="B83" s="29"/>
      <c r="C83" s="7"/>
      <c r="D83" s="23">
        <v>100</v>
      </c>
      <c r="E83" s="24">
        <v>73</v>
      </c>
      <c r="F83" s="25">
        <v>24.1</v>
      </c>
      <c r="G83" s="26">
        <v>2.9</v>
      </c>
    </row>
    <row r="84" spans="2:7" x14ac:dyDescent="0.2">
      <c r="B84" s="29"/>
      <c r="C84" s="2" t="s">
        <v>73</v>
      </c>
      <c r="D84" s="19">
        <v>112</v>
      </c>
      <c r="E84" s="20">
        <v>86</v>
      </c>
      <c r="F84" s="21">
        <v>18</v>
      </c>
      <c r="G84" s="22">
        <v>8</v>
      </c>
    </row>
    <row r="85" spans="2:7" x14ac:dyDescent="0.2">
      <c r="B85" s="29"/>
      <c r="C85" s="7"/>
      <c r="D85" s="23">
        <v>100</v>
      </c>
      <c r="E85" s="24">
        <v>76.8</v>
      </c>
      <c r="F85" s="25">
        <v>16.100000000000001</v>
      </c>
      <c r="G85" s="26">
        <v>7.1</v>
      </c>
    </row>
    <row r="86" spans="2:7" x14ac:dyDescent="0.2">
      <c r="B86" s="29"/>
      <c r="C86" s="2" t="s">
        <v>60</v>
      </c>
      <c r="D86" s="19">
        <v>66</v>
      </c>
      <c r="E86" s="20">
        <v>50</v>
      </c>
      <c r="F86" s="21">
        <v>10</v>
      </c>
      <c r="G86" s="22">
        <v>6</v>
      </c>
    </row>
    <row r="87" spans="2:7" x14ac:dyDescent="0.2">
      <c r="B87" s="29"/>
      <c r="C87" s="7"/>
      <c r="D87" s="23">
        <v>100</v>
      </c>
      <c r="E87" s="24">
        <v>75.8</v>
      </c>
      <c r="F87" s="25">
        <v>15.2</v>
      </c>
      <c r="G87" s="26">
        <v>9.1</v>
      </c>
    </row>
    <row r="88" spans="2:7" x14ac:dyDescent="0.2">
      <c r="B88" s="29"/>
      <c r="C88" s="2" t="s">
        <v>74</v>
      </c>
      <c r="D88" s="19">
        <v>83</v>
      </c>
      <c r="E88" s="20">
        <v>59</v>
      </c>
      <c r="F88" s="21">
        <v>18</v>
      </c>
      <c r="G88" s="22">
        <v>6</v>
      </c>
    </row>
    <row r="89" spans="2:7" x14ac:dyDescent="0.2">
      <c r="B89" s="29"/>
      <c r="C89" s="7"/>
      <c r="D89" s="23">
        <v>100</v>
      </c>
      <c r="E89" s="24">
        <v>71.099999999999994</v>
      </c>
      <c r="F89" s="25">
        <v>21.7</v>
      </c>
      <c r="G89" s="26">
        <v>7.2</v>
      </c>
    </row>
    <row r="90" spans="2:7" x14ac:dyDescent="0.2">
      <c r="B90" s="29"/>
      <c r="C90" s="2" t="s">
        <v>0</v>
      </c>
      <c r="D90" s="19">
        <v>75</v>
      </c>
      <c r="E90" s="20">
        <v>52</v>
      </c>
      <c r="F90" s="21">
        <v>10</v>
      </c>
      <c r="G90" s="22">
        <v>13</v>
      </c>
    </row>
    <row r="91" spans="2:7" x14ac:dyDescent="0.2">
      <c r="B91" s="29"/>
      <c r="C91" s="7"/>
      <c r="D91" s="23">
        <v>100</v>
      </c>
      <c r="E91" s="24">
        <v>69.3</v>
      </c>
      <c r="F91" s="25">
        <v>13.3</v>
      </c>
      <c r="G91" s="26">
        <v>17.3</v>
      </c>
    </row>
    <row r="92" spans="2:7" x14ac:dyDescent="0.2">
      <c r="B92" s="28" t="s">
        <v>32</v>
      </c>
      <c r="C92" s="9" t="s">
        <v>12</v>
      </c>
      <c r="D92" s="11">
        <v>1241</v>
      </c>
      <c r="E92" s="12">
        <v>925</v>
      </c>
      <c r="F92" s="13">
        <v>246</v>
      </c>
      <c r="G92" s="14">
        <v>70</v>
      </c>
    </row>
    <row r="93" spans="2:7" x14ac:dyDescent="0.2">
      <c r="B93" s="29"/>
      <c r="C93" s="8"/>
      <c r="D93" s="15">
        <v>100</v>
      </c>
      <c r="E93" s="16">
        <v>74.5</v>
      </c>
      <c r="F93" s="17">
        <v>19.8</v>
      </c>
      <c r="G93" s="18">
        <v>5.6</v>
      </c>
    </row>
    <row r="94" spans="2:7" x14ac:dyDescent="0.2">
      <c r="B94" s="29"/>
      <c r="C94" s="2" t="s">
        <v>21</v>
      </c>
      <c r="D94" s="19">
        <v>65</v>
      </c>
      <c r="E94" s="20">
        <v>50</v>
      </c>
      <c r="F94" s="21">
        <v>11</v>
      </c>
      <c r="G94" s="22">
        <v>4</v>
      </c>
    </row>
    <row r="95" spans="2:7" x14ac:dyDescent="0.2">
      <c r="B95" s="29"/>
      <c r="C95" s="7"/>
      <c r="D95" s="23">
        <v>100</v>
      </c>
      <c r="E95" s="24">
        <v>76.900000000000006</v>
      </c>
      <c r="F95" s="25">
        <v>16.899999999999999</v>
      </c>
      <c r="G95" s="26">
        <v>6.2</v>
      </c>
    </row>
    <row r="96" spans="2:7" x14ac:dyDescent="0.2">
      <c r="B96" s="29"/>
      <c r="C96" s="2" t="s">
        <v>20</v>
      </c>
      <c r="D96" s="19">
        <v>7</v>
      </c>
      <c r="E96" s="20">
        <v>6</v>
      </c>
      <c r="F96" s="21">
        <v>1</v>
      </c>
      <c r="G96" s="22" t="s">
        <v>152</v>
      </c>
    </row>
    <row r="97" spans="2:7" x14ac:dyDescent="0.2">
      <c r="B97" s="29"/>
      <c r="C97" s="7"/>
      <c r="D97" s="23">
        <v>100</v>
      </c>
      <c r="E97" s="24">
        <v>85.7</v>
      </c>
      <c r="F97" s="25">
        <v>14.3</v>
      </c>
      <c r="G97" s="26" t="s">
        <v>152</v>
      </c>
    </row>
    <row r="98" spans="2:7" x14ac:dyDescent="0.2">
      <c r="B98" s="29"/>
      <c r="C98" s="2" t="s">
        <v>19</v>
      </c>
      <c r="D98" s="19">
        <v>484</v>
      </c>
      <c r="E98" s="20">
        <v>384</v>
      </c>
      <c r="F98" s="21">
        <v>88</v>
      </c>
      <c r="G98" s="22">
        <v>12</v>
      </c>
    </row>
    <row r="99" spans="2:7" x14ac:dyDescent="0.2">
      <c r="B99" s="29"/>
      <c r="C99" s="7"/>
      <c r="D99" s="23">
        <v>100</v>
      </c>
      <c r="E99" s="24">
        <v>79.3</v>
      </c>
      <c r="F99" s="25">
        <v>18.2</v>
      </c>
      <c r="G99" s="26">
        <v>2.5</v>
      </c>
    </row>
    <row r="100" spans="2:7" x14ac:dyDescent="0.2">
      <c r="B100" s="29"/>
      <c r="C100" s="2" t="s">
        <v>18</v>
      </c>
      <c r="D100" s="19">
        <v>195</v>
      </c>
      <c r="E100" s="20">
        <v>135</v>
      </c>
      <c r="F100" s="21">
        <v>48</v>
      </c>
      <c r="G100" s="22">
        <v>12</v>
      </c>
    </row>
    <row r="101" spans="2:7" x14ac:dyDescent="0.2">
      <c r="B101" s="29"/>
      <c r="C101" s="7"/>
      <c r="D101" s="23">
        <v>100</v>
      </c>
      <c r="E101" s="24">
        <v>69.2</v>
      </c>
      <c r="F101" s="25">
        <v>24.6</v>
      </c>
      <c r="G101" s="26">
        <v>6.2</v>
      </c>
    </row>
    <row r="102" spans="2:7" x14ac:dyDescent="0.2">
      <c r="B102" s="29"/>
      <c r="C102" s="2" t="s">
        <v>17</v>
      </c>
      <c r="D102" s="19">
        <v>1</v>
      </c>
      <c r="E102" s="20">
        <v>1</v>
      </c>
      <c r="F102" s="21" t="s">
        <v>152</v>
      </c>
      <c r="G102" s="22" t="s">
        <v>152</v>
      </c>
    </row>
    <row r="103" spans="2:7" x14ac:dyDescent="0.2">
      <c r="B103" s="29"/>
      <c r="C103" s="7"/>
      <c r="D103" s="23">
        <v>100</v>
      </c>
      <c r="E103" s="24">
        <v>100</v>
      </c>
      <c r="F103" s="25" t="s">
        <v>152</v>
      </c>
      <c r="G103" s="26" t="s">
        <v>152</v>
      </c>
    </row>
    <row r="104" spans="2:7" x14ac:dyDescent="0.2">
      <c r="B104" s="29"/>
      <c r="C104" s="2" t="s">
        <v>151</v>
      </c>
      <c r="D104" s="19">
        <v>178</v>
      </c>
      <c r="E104" s="20">
        <v>135</v>
      </c>
      <c r="F104" s="21">
        <v>31</v>
      </c>
      <c r="G104" s="22">
        <v>12</v>
      </c>
    </row>
    <row r="105" spans="2:7" x14ac:dyDescent="0.2">
      <c r="B105" s="29"/>
      <c r="C105" s="7"/>
      <c r="D105" s="23">
        <v>100</v>
      </c>
      <c r="E105" s="24">
        <v>75.8</v>
      </c>
      <c r="F105" s="25">
        <v>17.399999999999999</v>
      </c>
      <c r="G105" s="26">
        <v>6.7</v>
      </c>
    </row>
    <row r="106" spans="2:7" x14ac:dyDescent="0.2">
      <c r="B106" s="29"/>
      <c r="C106" s="2" t="s">
        <v>16</v>
      </c>
      <c r="D106" s="19">
        <v>10</v>
      </c>
      <c r="E106" s="20">
        <v>10</v>
      </c>
      <c r="F106" s="21" t="s">
        <v>152</v>
      </c>
      <c r="G106" s="22" t="s">
        <v>152</v>
      </c>
    </row>
    <row r="107" spans="2:7" x14ac:dyDescent="0.2">
      <c r="B107" s="29"/>
      <c r="C107" s="7"/>
      <c r="D107" s="23">
        <v>100</v>
      </c>
      <c r="E107" s="24">
        <v>100</v>
      </c>
      <c r="F107" s="25" t="s">
        <v>152</v>
      </c>
      <c r="G107" s="26" t="s">
        <v>152</v>
      </c>
    </row>
    <row r="108" spans="2:7" x14ac:dyDescent="0.2">
      <c r="B108" s="29"/>
      <c r="C108" s="2" t="s">
        <v>15</v>
      </c>
      <c r="D108" s="19">
        <v>211</v>
      </c>
      <c r="E108" s="20">
        <v>148</v>
      </c>
      <c r="F108" s="21">
        <v>51</v>
      </c>
      <c r="G108" s="22">
        <v>12</v>
      </c>
    </row>
    <row r="109" spans="2:7" x14ac:dyDescent="0.2">
      <c r="B109" s="29"/>
      <c r="C109" s="7"/>
      <c r="D109" s="23">
        <v>100</v>
      </c>
      <c r="E109" s="24">
        <v>70.099999999999994</v>
      </c>
      <c r="F109" s="25">
        <v>24.2</v>
      </c>
      <c r="G109" s="26">
        <v>5.7</v>
      </c>
    </row>
    <row r="110" spans="2:7" x14ac:dyDescent="0.2">
      <c r="B110" s="29"/>
      <c r="C110" s="2" t="s">
        <v>14</v>
      </c>
      <c r="D110" s="19">
        <v>12</v>
      </c>
      <c r="E110" s="20">
        <v>10</v>
      </c>
      <c r="F110" s="21">
        <v>1</v>
      </c>
      <c r="G110" s="22">
        <v>1</v>
      </c>
    </row>
    <row r="111" spans="2:7" x14ac:dyDescent="0.2">
      <c r="B111" s="29"/>
      <c r="C111" s="7"/>
      <c r="D111" s="23">
        <v>100</v>
      </c>
      <c r="E111" s="24">
        <v>83.3</v>
      </c>
      <c r="F111" s="25">
        <v>8.3000000000000007</v>
      </c>
      <c r="G111" s="26">
        <v>8.3000000000000007</v>
      </c>
    </row>
    <row r="112" spans="2:7" x14ac:dyDescent="0.2">
      <c r="B112" s="29"/>
      <c r="C112" s="2" t="s">
        <v>13</v>
      </c>
      <c r="D112" s="19">
        <v>78</v>
      </c>
      <c r="E112" s="20">
        <v>46</v>
      </c>
      <c r="F112" s="21">
        <v>15</v>
      </c>
      <c r="G112" s="22">
        <v>17</v>
      </c>
    </row>
    <row r="113" spans="2:7" x14ac:dyDescent="0.2">
      <c r="B113" s="30"/>
      <c r="C113" s="10"/>
      <c r="D113" s="15">
        <v>100</v>
      </c>
      <c r="E113" s="16">
        <v>59</v>
      </c>
      <c r="F113" s="17">
        <v>19.2</v>
      </c>
      <c r="G113" s="18">
        <v>21.8</v>
      </c>
    </row>
    <row r="114" spans="2:7" x14ac:dyDescent="0.2">
      <c r="B114" s="28" t="s">
        <v>31</v>
      </c>
      <c r="C114" s="9" t="s">
        <v>12</v>
      </c>
      <c r="D114" s="11">
        <v>752</v>
      </c>
      <c r="E114" s="12">
        <v>576</v>
      </c>
      <c r="F114" s="13">
        <v>148</v>
      </c>
      <c r="G114" s="14">
        <v>28</v>
      </c>
    </row>
    <row r="115" spans="2:7" x14ac:dyDescent="0.2">
      <c r="B115" s="29"/>
      <c r="C115" s="8"/>
      <c r="D115" s="15">
        <v>100</v>
      </c>
      <c r="E115" s="16">
        <v>76.599999999999994</v>
      </c>
      <c r="F115" s="17">
        <v>19.7</v>
      </c>
      <c r="G115" s="18">
        <v>3.7</v>
      </c>
    </row>
    <row r="116" spans="2:7" x14ac:dyDescent="0.2">
      <c r="B116" s="29"/>
      <c r="C116" s="2" t="s">
        <v>11</v>
      </c>
      <c r="D116" s="19">
        <v>2</v>
      </c>
      <c r="E116" s="20">
        <v>2</v>
      </c>
      <c r="F116" s="21" t="s">
        <v>152</v>
      </c>
      <c r="G116" s="22" t="s">
        <v>152</v>
      </c>
    </row>
    <row r="117" spans="2:7" x14ac:dyDescent="0.2">
      <c r="B117" s="29"/>
      <c r="C117" s="7"/>
      <c r="D117" s="23">
        <v>100</v>
      </c>
      <c r="E117" s="24">
        <v>100</v>
      </c>
      <c r="F117" s="25" t="s">
        <v>152</v>
      </c>
      <c r="G117" s="26" t="s">
        <v>152</v>
      </c>
    </row>
    <row r="118" spans="2:7" x14ac:dyDescent="0.2">
      <c r="B118" s="29"/>
      <c r="C118" s="2" t="s">
        <v>10</v>
      </c>
      <c r="D118" s="19">
        <v>32</v>
      </c>
      <c r="E118" s="20">
        <v>28</v>
      </c>
      <c r="F118" s="21">
        <v>2</v>
      </c>
      <c r="G118" s="22">
        <v>2</v>
      </c>
    </row>
    <row r="119" spans="2:7" x14ac:dyDescent="0.2">
      <c r="B119" s="29"/>
      <c r="C119" s="7"/>
      <c r="D119" s="23">
        <v>100</v>
      </c>
      <c r="E119" s="24">
        <v>87.5</v>
      </c>
      <c r="F119" s="25">
        <v>6.3</v>
      </c>
      <c r="G119" s="26">
        <v>6.3</v>
      </c>
    </row>
    <row r="120" spans="2:7" x14ac:dyDescent="0.2">
      <c r="B120" s="29"/>
      <c r="C120" s="2" t="s">
        <v>9</v>
      </c>
      <c r="D120" s="19">
        <v>33</v>
      </c>
      <c r="E120" s="20">
        <v>22</v>
      </c>
      <c r="F120" s="21">
        <v>9</v>
      </c>
      <c r="G120" s="22">
        <v>2</v>
      </c>
    </row>
    <row r="121" spans="2:7" x14ac:dyDescent="0.2">
      <c r="B121" s="29"/>
      <c r="C121" s="7"/>
      <c r="D121" s="23">
        <v>100</v>
      </c>
      <c r="E121" s="24">
        <v>66.7</v>
      </c>
      <c r="F121" s="25">
        <v>27.3</v>
      </c>
      <c r="G121" s="26">
        <v>6.1</v>
      </c>
    </row>
    <row r="122" spans="2:7" x14ac:dyDescent="0.2">
      <c r="B122" s="29"/>
      <c r="C122" s="2" t="s">
        <v>8</v>
      </c>
      <c r="D122" s="19">
        <v>71</v>
      </c>
      <c r="E122" s="20">
        <v>58</v>
      </c>
      <c r="F122" s="21">
        <v>12</v>
      </c>
      <c r="G122" s="22">
        <v>1</v>
      </c>
    </row>
    <row r="123" spans="2:7" x14ac:dyDescent="0.2">
      <c r="B123" s="29"/>
      <c r="C123" s="7"/>
      <c r="D123" s="23">
        <v>100</v>
      </c>
      <c r="E123" s="24">
        <v>81.7</v>
      </c>
      <c r="F123" s="25">
        <v>16.899999999999999</v>
      </c>
      <c r="G123" s="26">
        <v>1.4</v>
      </c>
    </row>
    <row r="124" spans="2:7" x14ac:dyDescent="0.2">
      <c r="B124" s="29"/>
      <c r="C124" s="2" t="s">
        <v>7</v>
      </c>
      <c r="D124" s="19">
        <v>152</v>
      </c>
      <c r="E124" s="20">
        <v>118</v>
      </c>
      <c r="F124" s="21">
        <v>30</v>
      </c>
      <c r="G124" s="22">
        <v>4</v>
      </c>
    </row>
    <row r="125" spans="2:7" x14ac:dyDescent="0.2">
      <c r="B125" s="29"/>
      <c r="C125" s="7"/>
      <c r="D125" s="23">
        <v>100</v>
      </c>
      <c r="E125" s="24">
        <v>77.599999999999994</v>
      </c>
      <c r="F125" s="25">
        <v>19.7</v>
      </c>
      <c r="G125" s="26">
        <v>2.6</v>
      </c>
    </row>
    <row r="126" spans="2:7" x14ac:dyDescent="0.2">
      <c r="B126" s="29"/>
      <c r="C126" s="2" t="s">
        <v>6</v>
      </c>
      <c r="D126" s="19">
        <v>176</v>
      </c>
      <c r="E126" s="20">
        <v>142</v>
      </c>
      <c r="F126" s="21">
        <v>28</v>
      </c>
      <c r="G126" s="22">
        <v>6</v>
      </c>
    </row>
    <row r="127" spans="2:7" x14ac:dyDescent="0.2">
      <c r="B127" s="29"/>
      <c r="C127" s="7"/>
      <c r="D127" s="23">
        <v>100</v>
      </c>
      <c r="E127" s="24">
        <v>80.7</v>
      </c>
      <c r="F127" s="25">
        <v>15.9</v>
      </c>
      <c r="G127" s="26">
        <v>3.4</v>
      </c>
    </row>
    <row r="128" spans="2:7" x14ac:dyDescent="0.2">
      <c r="B128" s="29"/>
      <c r="C128" s="2" t="s">
        <v>5</v>
      </c>
      <c r="D128" s="19">
        <v>37</v>
      </c>
      <c r="E128" s="20">
        <v>27</v>
      </c>
      <c r="F128" s="21">
        <v>9</v>
      </c>
      <c r="G128" s="22">
        <v>1</v>
      </c>
    </row>
    <row r="129" spans="2:7" x14ac:dyDescent="0.2">
      <c r="B129" s="29"/>
      <c r="C129" s="7"/>
      <c r="D129" s="23">
        <v>100</v>
      </c>
      <c r="E129" s="24">
        <v>73</v>
      </c>
      <c r="F129" s="25">
        <v>24.3</v>
      </c>
      <c r="G129" s="26">
        <v>2.7</v>
      </c>
    </row>
    <row r="130" spans="2:7" x14ac:dyDescent="0.2">
      <c r="B130" s="29"/>
      <c r="C130" s="2" t="s">
        <v>4</v>
      </c>
      <c r="D130" s="19">
        <v>67</v>
      </c>
      <c r="E130" s="20">
        <v>51</v>
      </c>
      <c r="F130" s="21">
        <v>15</v>
      </c>
      <c r="G130" s="22">
        <v>1</v>
      </c>
    </row>
    <row r="131" spans="2:7" x14ac:dyDescent="0.2">
      <c r="B131" s="29"/>
      <c r="C131" s="7"/>
      <c r="D131" s="23">
        <v>100</v>
      </c>
      <c r="E131" s="24">
        <v>76.099999999999994</v>
      </c>
      <c r="F131" s="25">
        <v>22.4</v>
      </c>
      <c r="G131" s="26">
        <v>1.5</v>
      </c>
    </row>
    <row r="132" spans="2:7" x14ac:dyDescent="0.2">
      <c r="B132" s="29"/>
      <c r="C132" s="2" t="s">
        <v>3</v>
      </c>
      <c r="D132" s="19">
        <v>159</v>
      </c>
      <c r="E132" s="20">
        <v>113</v>
      </c>
      <c r="F132" s="21">
        <v>37</v>
      </c>
      <c r="G132" s="22">
        <v>9</v>
      </c>
    </row>
    <row r="133" spans="2:7" x14ac:dyDescent="0.2">
      <c r="B133" s="29"/>
      <c r="C133" s="7"/>
      <c r="D133" s="23">
        <v>100</v>
      </c>
      <c r="E133" s="24">
        <v>71.099999999999994</v>
      </c>
      <c r="F133" s="25">
        <v>23.3</v>
      </c>
      <c r="G133" s="26">
        <v>5.7</v>
      </c>
    </row>
    <row r="134" spans="2:7" x14ac:dyDescent="0.2">
      <c r="B134" s="29"/>
      <c r="C134" s="2" t="s">
        <v>2</v>
      </c>
      <c r="D134" s="19">
        <v>23</v>
      </c>
      <c r="E134" s="20">
        <v>15</v>
      </c>
      <c r="F134" s="21">
        <v>6</v>
      </c>
      <c r="G134" s="22">
        <v>2</v>
      </c>
    </row>
    <row r="135" spans="2:7" x14ac:dyDescent="0.2">
      <c r="B135" s="30"/>
      <c r="C135" s="10"/>
      <c r="D135" s="15">
        <v>100</v>
      </c>
      <c r="E135" s="16">
        <v>65.2</v>
      </c>
      <c r="F135" s="17">
        <v>26.1</v>
      </c>
      <c r="G135" s="18">
        <v>8.699999999999999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5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58</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925</v>
      </c>
      <c r="F4" s="13">
        <v>246</v>
      </c>
      <c r="G4" s="14">
        <v>70</v>
      </c>
    </row>
    <row r="5" spans="2:7" x14ac:dyDescent="0.2">
      <c r="B5" s="29"/>
      <c r="C5" s="8"/>
      <c r="D5" s="15">
        <v>100</v>
      </c>
      <c r="E5" s="16">
        <v>74.5</v>
      </c>
      <c r="F5" s="17">
        <v>19.8</v>
      </c>
      <c r="G5" s="18">
        <v>5.6</v>
      </c>
    </row>
    <row r="6" spans="2:7" x14ac:dyDescent="0.2">
      <c r="B6" s="29"/>
      <c r="C6" s="2" t="s">
        <v>52</v>
      </c>
      <c r="D6" s="19">
        <v>557</v>
      </c>
      <c r="E6" s="20">
        <v>420</v>
      </c>
      <c r="F6" s="21">
        <v>103</v>
      </c>
      <c r="G6" s="22">
        <v>34</v>
      </c>
    </row>
    <row r="7" spans="2:7" x14ac:dyDescent="0.2">
      <c r="B7" s="29"/>
      <c r="C7" s="7"/>
      <c r="D7" s="23">
        <v>100</v>
      </c>
      <c r="E7" s="24">
        <v>75.400000000000006</v>
      </c>
      <c r="F7" s="25">
        <v>18.5</v>
      </c>
      <c r="G7" s="26">
        <v>6.1</v>
      </c>
    </row>
    <row r="8" spans="2:7" x14ac:dyDescent="0.2">
      <c r="B8" s="29"/>
      <c r="C8" s="2" t="s">
        <v>51</v>
      </c>
      <c r="D8" s="19">
        <v>595</v>
      </c>
      <c r="E8" s="20">
        <v>443</v>
      </c>
      <c r="F8" s="21">
        <v>130</v>
      </c>
      <c r="G8" s="22">
        <v>22</v>
      </c>
    </row>
    <row r="9" spans="2:7" x14ac:dyDescent="0.2">
      <c r="B9" s="29"/>
      <c r="C9" s="7"/>
      <c r="D9" s="23">
        <v>100</v>
      </c>
      <c r="E9" s="24">
        <v>74.5</v>
      </c>
      <c r="F9" s="25">
        <v>21.8</v>
      </c>
      <c r="G9" s="26">
        <v>3.7</v>
      </c>
    </row>
    <row r="10" spans="2:7" x14ac:dyDescent="0.2">
      <c r="B10" s="29"/>
      <c r="C10" s="2" t="s">
        <v>13</v>
      </c>
      <c r="D10" s="19">
        <v>89</v>
      </c>
      <c r="E10" s="20">
        <v>62</v>
      </c>
      <c r="F10" s="21">
        <v>13</v>
      </c>
      <c r="G10" s="22">
        <v>14</v>
      </c>
    </row>
    <row r="11" spans="2:7" x14ac:dyDescent="0.2">
      <c r="B11" s="30"/>
      <c r="C11" s="10"/>
      <c r="D11" s="15">
        <v>100</v>
      </c>
      <c r="E11" s="16">
        <v>69.7</v>
      </c>
      <c r="F11" s="17">
        <v>14.6</v>
      </c>
      <c r="G11" s="18">
        <v>15.7</v>
      </c>
    </row>
    <row r="12" spans="2:7" x14ac:dyDescent="0.2">
      <c r="B12" s="28" t="s">
        <v>54</v>
      </c>
      <c r="C12" s="9" t="s">
        <v>12</v>
      </c>
      <c r="D12" s="11">
        <v>1241</v>
      </c>
      <c r="E12" s="12">
        <v>925</v>
      </c>
      <c r="F12" s="13">
        <v>246</v>
      </c>
      <c r="G12" s="14">
        <v>70</v>
      </c>
    </row>
    <row r="13" spans="2:7" x14ac:dyDescent="0.2">
      <c r="B13" s="29"/>
      <c r="C13" s="8"/>
      <c r="D13" s="15">
        <v>100</v>
      </c>
      <c r="E13" s="16">
        <v>74.5</v>
      </c>
      <c r="F13" s="17">
        <v>19.8</v>
      </c>
      <c r="G13" s="18">
        <v>5.6</v>
      </c>
    </row>
    <row r="14" spans="2:7" x14ac:dyDescent="0.2">
      <c r="B14" s="29"/>
      <c r="C14" s="2" t="s">
        <v>50</v>
      </c>
      <c r="D14" s="19">
        <v>84</v>
      </c>
      <c r="E14" s="20">
        <v>64</v>
      </c>
      <c r="F14" s="21">
        <v>19</v>
      </c>
      <c r="G14" s="22">
        <v>1</v>
      </c>
    </row>
    <row r="15" spans="2:7" x14ac:dyDescent="0.2">
      <c r="B15" s="29"/>
      <c r="C15" s="7"/>
      <c r="D15" s="23">
        <v>100</v>
      </c>
      <c r="E15" s="24">
        <v>76.2</v>
      </c>
      <c r="F15" s="25">
        <v>22.6</v>
      </c>
      <c r="G15" s="26">
        <v>1.2</v>
      </c>
    </row>
    <row r="16" spans="2:7" x14ac:dyDescent="0.2">
      <c r="B16" s="29"/>
      <c r="C16" s="2" t="s">
        <v>49</v>
      </c>
      <c r="D16" s="19">
        <v>97</v>
      </c>
      <c r="E16" s="20">
        <v>76</v>
      </c>
      <c r="F16" s="21">
        <v>20</v>
      </c>
      <c r="G16" s="22">
        <v>1</v>
      </c>
    </row>
    <row r="17" spans="2:7" x14ac:dyDescent="0.2">
      <c r="B17" s="29"/>
      <c r="C17" s="7"/>
      <c r="D17" s="23">
        <v>100</v>
      </c>
      <c r="E17" s="24">
        <v>78.400000000000006</v>
      </c>
      <c r="F17" s="25">
        <v>20.6</v>
      </c>
      <c r="G17" s="26">
        <v>1</v>
      </c>
    </row>
    <row r="18" spans="2:7" x14ac:dyDescent="0.2">
      <c r="B18" s="29"/>
      <c r="C18" s="2" t="s">
        <v>48</v>
      </c>
      <c r="D18" s="19">
        <v>79</v>
      </c>
      <c r="E18" s="20">
        <v>59</v>
      </c>
      <c r="F18" s="21">
        <v>17</v>
      </c>
      <c r="G18" s="22">
        <v>3</v>
      </c>
    </row>
    <row r="19" spans="2:7" x14ac:dyDescent="0.2">
      <c r="B19" s="29"/>
      <c r="C19" s="7"/>
      <c r="D19" s="23">
        <v>100</v>
      </c>
      <c r="E19" s="24">
        <v>74.7</v>
      </c>
      <c r="F19" s="25">
        <v>21.5</v>
      </c>
      <c r="G19" s="26">
        <v>3.8</v>
      </c>
    </row>
    <row r="20" spans="2:7" x14ac:dyDescent="0.2">
      <c r="B20" s="29"/>
      <c r="C20" s="2" t="s">
        <v>47</v>
      </c>
      <c r="D20" s="19">
        <v>72</v>
      </c>
      <c r="E20" s="20">
        <v>59</v>
      </c>
      <c r="F20" s="21">
        <v>11</v>
      </c>
      <c r="G20" s="22">
        <v>2</v>
      </c>
    </row>
    <row r="21" spans="2:7" x14ac:dyDescent="0.2">
      <c r="B21" s="29"/>
      <c r="C21" s="7"/>
      <c r="D21" s="23">
        <v>100</v>
      </c>
      <c r="E21" s="24">
        <v>81.900000000000006</v>
      </c>
      <c r="F21" s="25">
        <v>15.3</v>
      </c>
      <c r="G21" s="26">
        <v>2.8</v>
      </c>
    </row>
    <row r="22" spans="2:7" x14ac:dyDescent="0.2">
      <c r="B22" s="29"/>
      <c r="C22" s="2" t="s">
        <v>46</v>
      </c>
      <c r="D22" s="19">
        <v>15</v>
      </c>
      <c r="E22" s="20">
        <v>9</v>
      </c>
      <c r="F22" s="21">
        <v>5</v>
      </c>
      <c r="G22" s="22">
        <v>1</v>
      </c>
    </row>
    <row r="23" spans="2:7" x14ac:dyDescent="0.2">
      <c r="B23" s="29"/>
      <c r="C23" s="7"/>
      <c r="D23" s="23">
        <v>100</v>
      </c>
      <c r="E23" s="24">
        <v>60</v>
      </c>
      <c r="F23" s="25">
        <v>33.299999999999997</v>
      </c>
      <c r="G23" s="26">
        <v>6.7</v>
      </c>
    </row>
    <row r="24" spans="2:7" x14ac:dyDescent="0.2">
      <c r="B24" s="29"/>
      <c r="C24" s="2" t="s">
        <v>45</v>
      </c>
      <c r="D24" s="19">
        <v>77</v>
      </c>
      <c r="E24" s="20">
        <v>59</v>
      </c>
      <c r="F24" s="21">
        <v>14</v>
      </c>
      <c r="G24" s="22">
        <v>4</v>
      </c>
    </row>
    <row r="25" spans="2:7" x14ac:dyDescent="0.2">
      <c r="B25" s="29"/>
      <c r="C25" s="7"/>
      <c r="D25" s="23">
        <v>100</v>
      </c>
      <c r="E25" s="24">
        <v>76.599999999999994</v>
      </c>
      <c r="F25" s="25">
        <v>18.2</v>
      </c>
      <c r="G25" s="26">
        <v>5.2</v>
      </c>
    </row>
    <row r="26" spans="2:7" x14ac:dyDescent="0.2">
      <c r="B26" s="29"/>
      <c r="C26" s="2" t="s">
        <v>44</v>
      </c>
      <c r="D26" s="19">
        <v>260</v>
      </c>
      <c r="E26" s="20">
        <v>195</v>
      </c>
      <c r="F26" s="21">
        <v>47</v>
      </c>
      <c r="G26" s="22">
        <v>18</v>
      </c>
    </row>
    <row r="27" spans="2:7" x14ac:dyDescent="0.2">
      <c r="B27" s="29"/>
      <c r="C27" s="7"/>
      <c r="D27" s="23">
        <v>100</v>
      </c>
      <c r="E27" s="24">
        <v>75</v>
      </c>
      <c r="F27" s="25">
        <v>18.100000000000001</v>
      </c>
      <c r="G27" s="26">
        <v>6.9</v>
      </c>
    </row>
    <row r="28" spans="2:7" x14ac:dyDescent="0.2">
      <c r="B28" s="29"/>
      <c r="C28" s="2" t="s">
        <v>43</v>
      </c>
      <c r="D28" s="19">
        <v>334</v>
      </c>
      <c r="E28" s="20">
        <v>256</v>
      </c>
      <c r="F28" s="21">
        <v>60</v>
      </c>
      <c r="G28" s="22">
        <v>18</v>
      </c>
    </row>
    <row r="29" spans="2:7" x14ac:dyDescent="0.2">
      <c r="B29" s="29"/>
      <c r="C29" s="7"/>
      <c r="D29" s="23">
        <v>100</v>
      </c>
      <c r="E29" s="24">
        <v>76.599999999999994</v>
      </c>
      <c r="F29" s="25">
        <v>18</v>
      </c>
      <c r="G29" s="26">
        <v>5.4</v>
      </c>
    </row>
    <row r="30" spans="2:7" x14ac:dyDescent="0.2">
      <c r="B30" s="29"/>
      <c r="C30" s="2" t="s">
        <v>14</v>
      </c>
      <c r="D30" s="19">
        <v>28</v>
      </c>
      <c r="E30" s="20">
        <v>19</v>
      </c>
      <c r="F30" s="21">
        <v>7</v>
      </c>
      <c r="G30" s="22">
        <v>2</v>
      </c>
    </row>
    <row r="31" spans="2:7" x14ac:dyDescent="0.2">
      <c r="B31" s="29"/>
      <c r="C31" s="7"/>
      <c r="D31" s="23">
        <v>100</v>
      </c>
      <c r="E31" s="24">
        <v>67.900000000000006</v>
      </c>
      <c r="F31" s="25">
        <v>25</v>
      </c>
      <c r="G31" s="26">
        <v>7.1</v>
      </c>
    </row>
    <row r="32" spans="2:7" x14ac:dyDescent="0.2">
      <c r="B32" s="29"/>
      <c r="C32" s="2" t="s">
        <v>42</v>
      </c>
      <c r="D32" s="19">
        <v>390</v>
      </c>
      <c r="E32" s="20">
        <v>293</v>
      </c>
      <c r="F32" s="21">
        <v>81</v>
      </c>
      <c r="G32" s="22">
        <v>16</v>
      </c>
    </row>
    <row r="33" spans="2:7" x14ac:dyDescent="0.2">
      <c r="B33" s="29"/>
      <c r="C33" s="7"/>
      <c r="D33" s="23">
        <v>100</v>
      </c>
      <c r="E33" s="24">
        <v>75.099999999999994</v>
      </c>
      <c r="F33" s="25">
        <v>20.8</v>
      </c>
      <c r="G33" s="26">
        <v>4.0999999999999996</v>
      </c>
    </row>
    <row r="34" spans="2:7" x14ac:dyDescent="0.2">
      <c r="B34" s="29"/>
      <c r="C34" s="2" t="s">
        <v>13</v>
      </c>
      <c r="D34" s="19">
        <v>70</v>
      </c>
      <c r="E34" s="20">
        <v>45</v>
      </c>
      <c r="F34" s="21">
        <v>10</v>
      </c>
      <c r="G34" s="22">
        <v>15</v>
      </c>
    </row>
    <row r="35" spans="2:7" x14ac:dyDescent="0.2">
      <c r="B35" s="30"/>
      <c r="C35" s="10"/>
      <c r="D35" s="15">
        <v>100</v>
      </c>
      <c r="E35" s="16">
        <v>64.3</v>
      </c>
      <c r="F35" s="17">
        <v>14.3</v>
      </c>
      <c r="G35" s="18">
        <v>21.4</v>
      </c>
    </row>
    <row r="36" spans="2:7" x14ac:dyDescent="0.2">
      <c r="B36" s="28" t="s">
        <v>53</v>
      </c>
      <c r="C36" s="9" t="s">
        <v>12</v>
      </c>
      <c r="D36" s="11">
        <v>1241</v>
      </c>
      <c r="E36" s="12">
        <v>925</v>
      </c>
      <c r="F36" s="13">
        <v>246</v>
      </c>
      <c r="G36" s="14">
        <v>70</v>
      </c>
    </row>
    <row r="37" spans="2:7" x14ac:dyDescent="0.2">
      <c r="B37" s="29"/>
      <c r="C37" s="8"/>
      <c r="D37" s="15">
        <v>100</v>
      </c>
      <c r="E37" s="16">
        <v>74.5</v>
      </c>
      <c r="F37" s="17">
        <v>19.8</v>
      </c>
      <c r="G37" s="18">
        <v>5.6</v>
      </c>
    </row>
    <row r="38" spans="2:7" x14ac:dyDescent="0.2">
      <c r="B38" s="29"/>
      <c r="C38" s="2" t="s">
        <v>41</v>
      </c>
      <c r="D38" s="19">
        <v>799</v>
      </c>
      <c r="E38" s="20">
        <v>621</v>
      </c>
      <c r="F38" s="21">
        <v>153</v>
      </c>
      <c r="G38" s="22">
        <v>25</v>
      </c>
    </row>
    <row r="39" spans="2:7" x14ac:dyDescent="0.2">
      <c r="B39" s="29"/>
      <c r="C39" s="7"/>
      <c r="D39" s="23">
        <v>100</v>
      </c>
      <c r="E39" s="24">
        <v>77.7</v>
      </c>
      <c r="F39" s="25">
        <v>19.100000000000001</v>
      </c>
      <c r="G39" s="26">
        <v>3.1</v>
      </c>
    </row>
    <row r="40" spans="2:7" x14ac:dyDescent="0.2">
      <c r="B40" s="29"/>
      <c r="C40" s="2" t="s">
        <v>40</v>
      </c>
      <c r="D40" s="19">
        <v>182</v>
      </c>
      <c r="E40" s="20">
        <v>131</v>
      </c>
      <c r="F40" s="21">
        <v>37</v>
      </c>
      <c r="G40" s="22">
        <v>14</v>
      </c>
    </row>
    <row r="41" spans="2:7" x14ac:dyDescent="0.2">
      <c r="B41" s="29"/>
      <c r="C41" s="7"/>
      <c r="D41" s="23">
        <v>100</v>
      </c>
      <c r="E41" s="24">
        <v>72</v>
      </c>
      <c r="F41" s="25">
        <v>20.3</v>
      </c>
      <c r="G41" s="26">
        <v>7.7</v>
      </c>
    </row>
    <row r="42" spans="2:7" x14ac:dyDescent="0.2">
      <c r="B42" s="29"/>
      <c r="C42" s="2" t="s">
        <v>39</v>
      </c>
      <c r="D42" s="19">
        <v>72</v>
      </c>
      <c r="E42" s="20">
        <v>48</v>
      </c>
      <c r="F42" s="21">
        <v>17</v>
      </c>
      <c r="G42" s="22">
        <v>7</v>
      </c>
    </row>
    <row r="43" spans="2:7" x14ac:dyDescent="0.2">
      <c r="B43" s="29"/>
      <c r="C43" s="7"/>
      <c r="D43" s="23">
        <v>100</v>
      </c>
      <c r="E43" s="24">
        <v>66.7</v>
      </c>
      <c r="F43" s="25">
        <v>23.6</v>
      </c>
      <c r="G43" s="26">
        <v>9.6999999999999993</v>
      </c>
    </row>
    <row r="44" spans="2:7" x14ac:dyDescent="0.2">
      <c r="B44" s="29"/>
      <c r="C44" s="2" t="s">
        <v>38</v>
      </c>
      <c r="D44" s="19">
        <v>127</v>
      </c>
      <c r="E44" s="20">
        <v>87</v>
      </c>
      <c r="F44" s="21">
        <v>30</v>
      </c>
      <c r="G44" s="22">
        <v>10</v>
      </c>
    </row>
    <row r="45" spans="2:7" x14ac:dyDescent="0.2">
      <c r="B45" s="29"/>
      <c r="C45" s="7"/>
      <c r="D45" s="23">
        <v>100</v>
      </c>
      <c r="E45" s="24">
        <v>68.5</v>
      </c>
      <c r="F45" s="25">
        <v>23.6</v>
      </c>
      <c r="G45" s="26">
        <v>7.9</v>
      </c>
    </row>
    <row r="46" spans="2:7" x14ac:dyDescent="0.2">
      <c r="B46" s="29"/>
      <c r="C46" s="2" t="s">
        <v>13</v>
      </c>
      <c r="D46" s="19">
        <v>61</v>
      </c>
      <c r="E46" s="20">
        <v>38</v>
      </c>
      <c r="F46" s="21">
        <v>9</v>
      </c>
      <c r="G46" s="22">
        <v>14</v>
      </c>
    </row>
    <row r="47" spans="2:7" x14ac:dyDescent="0.2">
      <c r="B47" s="30"/>
      <c r="C47" s="10"/>
      <c r="D47" s="15">
        <v>100</v>
      </c>
      <c r="E47" s="16">
        <v>62.3</v>
      </c>
      <c r="F47" s="17">
        <v>14.8</v>
      </c>
      <c r="G47" s="18">
        <v>23</v>
      </c>
    </row>
  </sheetData>
  <mergeCells count="3">
    <mergeCell ref="B4:B11"/>
    <mergeCell ref="B12:B35"/>
    <mergeCell ref="B36:B47"/>
  </mergeCells>
  <phoneticPr fontId="2"/>
  <pageMargins left="0.7" right="0.7" top="0.75" bottom="0.75" header="0.3" footer="0.3"/>
</worksheet>
</file>

<file path=xl/worksheets/sheet5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election activeCell="E1" sqref="E1"/>
    </sheetView>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57</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31">
        <v>1039</v>
      </c>
      <c r="F4" s="13">
        <v>140</v>
      </c>
      <c r="G4" s="14">
        <v>62</v>
      </c>
    </row>
    <row r="5" spans="2:7" x14ac:dyDescent="0.2">
      <c r="B5" s="29"/>
      <c r="C5" s="8"/>
      <c r="D5" s="15">
        <v>100</v>
      </c>
      <c r="E5" s="16">
        <v>83.7</v>
      </c>
      <c r="F5" s="17">
        <v>11.3</v>
      </c>
      <c r="G5" s="18">
        <v>5</v>
      </c>
    </row>
    <row r="6" spans="2:7" x14ac:dyDescent="0.2">
      <c r="B6" s="29"/>
      <c r="C6" s="2" t="s">
        <v>30</v>
      </c>
      <c r="D6" s="19">
        <v>499</v>
      </c>
      <c r="E6" s="20">
        <v>445</v>
      </c>
      <c r="F6" s="21">
        <v>39</v>
      </c>
      <c r="G6" s="22">
        <v>15</v>
      </c>
    </row>
    <row r="7" spans="2:7" x14ac:dyDescent="0.2">
      <c r="B7" s="29"/>
      <c r="C7" s="7"/>
      <c r="D7" s="23">
        <v>100</v>
      </c>
      <c r="E7" s="24">
        <v>89.2</v>
      </c>
      <c r="F7" s="25">
        <v>7.8</v>
      </c>
      <c r="G7" s="26">
        <v>3</v>
      </c>
    </row>
    <row r="8" spans="2:7" x14ac:dyDescent="0.2">
      <c r="B8" s="29"/>
      <c r="C8" s="2" t="s">
        <v>29</v>
      </c>
      <c r="D8" s="19">
        <v>150</v>
      </c>
      <c r="E8" s="20">
        <v>112</v>
      </c>
      <c r="F8" s="21">
        <v>31</v>
      </c>
      <c r="G8" s="22">
        <v>7</v>
      </c>
    </row>
    <row r="9" spans="2:7" x14ac:dyDescent="0.2">
      <c r="B9" s="29"/>
      <c r="C9" s="7"/>
      <c r="D9" s="23">
        <v>100</v>
      </c>
      <c r="E9" s="24">
        <v>74.7</v>
      </c>
      <c r="F9" s="25">
        <v>20.7</v>
      </c>
      <c r="G9" s="26">
        <v>4.7</v>
      </c>
    </row>
    <row r="10" spans="2:7" x14ac:dyDescent="0.2">
      <c r="B10" s="29"/>
      <c r="C10" s="2" t="s">
        <v>28</v>
      </c>
      <c r="D10" s="19">
        <v>82</v>
      </c>
      <c r="E10" s="20">
        <v>62</v>
      </c>
      <c r="F10" s="21">
        <v>17</v>
      </c>
      <c r="G10" s="22">
        <v>3</v>
      </c>
    </row>
    <row r="11" spans="2:7" x14ac:dyDescent="0.2">
      <c r="B11" s="29"/>
      <c r="C11" s="7"/>
      <c r="D11" s="23">
        <v>100</v>
      </c>
      <c r="E11" s="24">
        <v>75.599999999999994</v>
      </c>
      <c r="F11" s="25">
        <v>20.7</v>
      </c>
      <c r="G11" s="26">
        <v>3.7</v>
      </c>
    </row>
    <row r="12" spans="2:7" x14ac:dyDescent="0.2">
      <c r="B12" s="29"/>
      <c r="C12" s="2" t="s">
        <v>27</v>
      </c>
      <c r="D12" s="19">
        <v>92</v>
      </c>
      <c r="E12" s="20">
        <v>81</v>
      </c>
      <c r="F12" s="21">
        <v>6</v>
      </c>
      <c r="G12" s="22">
        <v>5</v>
      </c>
    </row>
    <row r="13" spans="2:7" x14ac:dyDescent="0.2">
      <c r="B13" s="29"/>
      <c r="C13" s="7"/>
      <c r="D13" s="23">
        <v>100</v>
      </c>
      <c r="E13" s="24">
        <v>88</v>
      </c>
      <c r="F13" s="25">
        <v>6.5</v>
      </c>
      <c r="G13" s="26">
        <v>5.4</v>
      </c>
    </row>
    <row r="14" spans="2:7" x14ac:dyDescent="0.2">
      <c r="B14" s="29"/>
      <c r="C14" s="2" t="s">
        <v>26</v>
      </c>
      <c r="D14" s="19">
        <v>112</v>
      </c>
      <c r="E14" s="20">
        <v>88</v>
      </c>
      <c r="F14" s="21">
        <v>15</v>
      </c>
      <c r="G14" s="22">
        <v>9</v>
      </c>
    </row>
    <row r="15" spans="2:7" x14ac:dyDescent="0.2">
      <c r="B15" s="29"/>
      <c r="C15" s="7"/>
      <c r="D15" s="23">
        <v>100</v>
      </c>
      <c r="E15" s="24">
        <v>78.599999999999994</v>
      </c>
      <c r="F15" s="25">
        <v>13.4</v>
      </c>
      <c r="G15" s="26">
        <v>8</v>
      </c>
    </row>
    <row r="16" spans="2:7" x14ac:dyDescent="0.2">
      <c r="B16" s="29"/>
      <c r="C16" s="2" t="s">
        <v>25</v>
      </c>
      <c r="D16" s="19">
        <v>188</v>
      </c>
      <c r="E16" s="20">
        <v>158</v>
      </c>
      <c r="F16" s="21">
        <v>19</v>
      </c>
      <c r="G16" s="22">
        <v>11</v>
      </c>
    </row>
    <row r="17" spans="2:7" x14ac:dyDescent="0.2">
      <c r="B17" s="29"/>
      <c r="C17" s="7"/>
      <c r="D17" s="23">
        <v>100</v>
      </c>
      <c r="E17" s="24">
        <v>84</v>
      </c>
      <c r="F17" s="25">
        <v>10.1</v>
      </c>
      <c r="G17" s="26">
        <v>5.9</v>
      </c>
    </row>
    <row r="18" spans="2:7" x14ac:dyDescent="0.2">
      <c r="B18" s="29"/>
      <c r="C18" s="2" t="s">
        <v>24</v>
      </c>
      <c r="D18" s="19">
        <v>60</v>
      </c>
      <c r="E18" s="20">
        <v>51</v>
      </c>
      <c r="F18" s="21">
        <v>7</v>
      </c>
      <c r="G18" s="22">
        <v>2</v>
      </c>
    </row>
    <row r="19" spans="2:7" x14ac:dyDescent="0.2">
      <c r="B19" s="29"/>
      <c r="C19" s="7"/>
      <c r="D19" s="23">
        <v>100</v>
      </c>
      <c r="E19" s="24">
        <v>85</v>
      </c>
      <c r="F19" s="25">
        <v>11.7</v>
      </c>
      <c r="G19" s="26">
        <v>3.3</v>
      </c>
    </row>
    <row r="20" spans="2:7" x14ac:dyDescent="0.2">
      <c r="B20" s="29"/>
      <c r="C20" s="2" t="s">
        <v>13</v>
      </c>
      <c r="D20" s="19">
        <v>58</v>
      </c>
      <c r="E20" s="20">
        <v>42</v>
      </c>
      <c r="F20" s="21">
        <v>6</v>
      </c>
      <c r="G20" s="22">
        <v>10</v>
      </c>
    </row>
    <row r="21" spans="2:7" x14ac:dyDescent="0.2">
      <c r="B21" s="30"/>
      <c r="C21" s="10"/>
      <c r="D21" s="15">
        <v>100</v>
      </c>
      <c r="E21" s="16">
        <v>72.400000000000006</v>
      </c>
      <c r="F21" s="17">
        <v>10.3</v>
      </c>
      <c r="G21" s="18">
        <v>17.2</v>
      </c>
    </row>
    <row r="22" spans="2:7" x14ac:dyDescent="0.2">
      <c r="B22" s="28" t="s">
        <v>35</v>
      </c>
      <c r="C22" s="9" t="s">
        <v>12</v>
      </c>
      <c r="D22" s="11">
        <v>1241</v>
      </c>
      <c r="E22" s="31">
        <v>1039</v>
      </c>
      <c r="F22" s="13">
        <v>140</v>
      </c>
      <c r="G22" s="14">
        <v>62</v>
      </c>
    </row>
    <row r="23" spans="2:7" x14ac:dyDescent="0.2">
      <c r="B23" s="29"/>
      <c r="C23" s="8"/>
      <c r="D23" s="15">
        <v>100</v>
      </c>
      <c r="E23" s="16">
        <v>83.7</v>
      </c>
      <c r="F23" s="17">
        <v>11.3</v>
      </c>
      <c r="G23" s="18">
        <v>5</v>
      </c>
    </row>
    <row r="24" spans="2:7" x14ac:dyDescent="0.2">
      <c r="B24" s="29"/>
      <c r="C24" s="2" t="s">
        <v>23</v>
      </c>
      <c r="D24" s="19">
        <v>563</v>
      </c>
      <c r="E24" s="20">
        <v>485</v>
      </c>
      <c r="F24" s="21">
        <v>54</v>
      </c>
      <c r="G24" s="22">
        <v>24</v>
      </c>
    </row>
    <row r="25" spans="2:7" x14ac:dyDescent="0.2">
      <c r="B25" s="29"/>
      <c r="C25" s="7"/>
      <c r="D25" s="23">
        <v>100</v>
      </c>
      <c r="E25" s="24">
        <v>86.1</v>
      </c>
      <c r="F25" s="25">
        <v>9.6</v>
      </c>
      <c r="G25" s="26">
        <v>4.3</v>
      </c>
    </row>
    <row r="26" spans="2:7" x14ac:dyDescent="0.2">
      <c r="B26" s="29"/>
      <c r="C26" s="2" t="s">
        <v>22</v>
      </c>
      <c r="D26" s="19">
        <v>607</v>
      </c>
      <c r="E26" s="20">
        <v>500</v>
      </c>
      <c r="F26" s="21">
        <v>79</v>
      </c>
      <c r="G26" s="22">
        <v>28</v>
      </c>
    </row>
    <row r="27" spans="2:7" x14ac:dyDescent="0.2">
      <c r="B27" s="29"/>
      <c r="C27" s="7"/>
      <c r="D27" s="23">
        <v>100</v>
      </c>
      <c r="E27" s="24">
        <v>82.4</v>
      </c>
      <c r="F27" s="25">
        <v>13</v>
      </c>
      <c r="G27" s="26">
        <v>4.5999999999999996</v>
      </c>
    </row>
    <row r="28" spans="2:7" x14ac:dyDescent="0.2">
      <c r="B28" s="29"/>
      <c r="C28" s="2" t="s">
        <v>13</v>
      </c>
      <c r="D28" s="19">
        <v>71</v>
      </c>
      <c r="E28" s="20">
        <v>54</v>
      </c>
      <c r="F28" s="21">
        <v>7</v>
      </c>
      <c r="G28" s="22">
        <v>10</v>
      </c>
    </row>
    <row r="29" spans="2:7" x14ac:dyDescent="0.2">
      <c r="B29" s="30"/>
      <c r="C29" s="10"/>
      <c r="D29" s="15">
        <v>100</v>
      </c>
      <c r="E29" s="16">
        <v>76.099999999999994</v>
      </c>
      <c r="F29" s="17">
        <v>9.9</v>
      </c>
      <c r="G29" s="18">
        <v>14.1</v>
      </c>
    </row>
    <row r="30" spans="2:7" x14ac:dyDescent="0.2">
      <c r="B30" s="28" t="s">
        <v>34</v>
      </c>
      <c r="C30" s="9" t="s">
        <v>12</v>
      </c>
      <c r="D30" s="11">
        <v>1241</v>
      </c>
      <c r="E30" s="31">
        <v>1039</v>
      </c>
      <c r="F30" s="13">
        <v>140</v>
      </c>
      <c r="G30" s="14">
        <v>62</v>
      </c>
    </row>
    <row r="31" spans="2:7" x14ac:dyDescent="0.2">
      <c r="B31" s="29"/>
      <c r="C31" s="8"/>
      <c r="D31" s="15">
        <v>100</v>
      </c>
      <c r="E31" s="16">
        <v>83.7</v>
      </c>
      <c r="F31" s="17">
        <v>11.3</v>
      </c>
      <c r="G31" s="18">
        <v>5</v>
      </c>
    </row>
    <row r="32" spans="2:7" x14ac:dyDescent="0.2">
      <c r="B32" s="29"/>
      <c r="C32" s="2" t="s">
        <v>76</v>
      </c>
      <c r="D32" s="19">
        <v>3</v>
      </c>
      <c r="E32" s="20">
        <v>2</v>
      </c>
      <c r="F32" s="21">
        <v>1</v>
      </c>
      <c r="G32" s="22" t="s">
        <v>152</v>
      </c>
    </row>
    <row r="33" spans="2:7" x14ac:dyDescent="0.2">
      <c r="B33" s="29"/>
      <c r="C33" s="7"/>
      <c r="D33" s="23">
        <v>100</v>
      </c>
      <c r="E33" s="24">
        <v>66.7</v>
      </c>
      <c r="F33" s="25">
        <v>33.299999999999997</v>
      </c>
      <c r="G33" s="26" t="s">
        <v>152</v>
      </c>
    </row>
    <row r="34" spans="2:7" x14ac:dyDescent="0.2">
      <c r="B34" s="29"/>
      <c r="C34" s="2" t="s">
        <v>78</v>
      </c>
      <c r="D34" s="19">
        <v>51</v>
      </c>
      <c r="E34" s="20">
        <v>44</v>
      </c>
      <c r="F34" s="21">
        <v>7</v>
      </c>
      <c r="G34" s="22" t="s">
        <v>152</v>
      </c>
    </row>
    <row r="35" spans="2:7" x14ac:dyDescent="0.2">
      <c r="B35" s="29"/>
      <c r="C35" s="7"/>
      <c r="D35" s="23">
        <v>100</v>
      </c>
      <c r="E35" s="24">
        <v>86.3</v>
      </c>
      <c r="F35" s="25">
        <v>13.7</v>
      </c>
      <c r="G35" s="26" t="s">
        <v>152</v>
      </c>
    </row>
    <row r="36" spans="2:7" x14ac:dyDescent="0.2">
      <c r="B36" s="29"/>
      <c r="C36" s="2" t="s">
        <v>147</v>
      </c>
      <c r="D36" s="19">
        <v>54</v>
      </c>
      <c r="E36" s="20">
        <v>46</v>
      </c>
      <c r="F36" s="21">
        <v>8</v>
      </c>
      <c r="G36" s="22" t="s">
        <v>152</v>
      </c>
    </row>
    <row r="37" spans="2:7" x14ac:dyDescent="0.2">
      <c r="B37" s="29"/>
      <c r="C37" s="7"/>
      <c r="D37" s="23">
        <v>100</v>
      </c>
      <c r="E37" s="24">
        <v>85.18518518518519</v>
      </c>
      <c r="F37" s="25">
        <v>14.814814814814813</v>
      </c>
      <c r="G37" s="26" t="s">
        <v>152</v>
      </c>
    </row>
    <row r="38" spans="2:7" x14ac:dyDescent="0.2">
      <c r="B38" s="29"/>
      <c r="C38" s="2" t="s">
        <v>80</v>
      </c>
      <c r="D38" s="19">
        <v>116</v>
      </c>
      <c r="E38" s="20">
        <v>96</v>
      </c>
      <c r="F38" s="21">
        <v>18</v>
      </c>
      <c r="G38" s="22">
        <v>2</v>
      </c>
    </row>
    <row r="39" spans="2:7" x14ac:dyDescent="0.2">
      <c r="B39" s="29"/>
      <c r="C39" s="7"/>
      <c r="D39" s="23">
        <v>100</v>
      </c>
      <c r="E39" s="24">
        <v>82.8</v>
      </c>
      <c r="F39" s="25">
        <v>15.5</v>
      </c>
      <c r="G39" s="26">
        <v>1.7</v>
      </c>
    </row>
    <row r="40" spans="2:7" x14ac:dyDescent="0.2">
      <c r="B40" s="29"/>
      <c r="C40" s="2" t="s">
        <v>82</v>
      </c>
      <c r="D40" s="19">
        <v>200</v>
      </c>
      <c r="E40" s="20">
        <v>166</v>
      </c>
      <c r="F40" s="21">
        <v>28</v>
      </c>
      <c r="G40" s="22">
        <v>6</v>
      </c>
    </row>
    <row r="41" spans="2:7" x14ac:dyDescent="0.2">
      <c r="B41" s="29"/>
      <c r="C41" s="7"/>
      <c r="D41" s="23">
        <v>100</v>
      </c>
      <c r="E41" s="24">
        <v>83</v>
      </c>
      <c r="F41" s="25">
        <v>14</v>
      </c>
      <c r="G41" s="26">
        <v>3</v>
      </c>
    </row>
    <row r="42" spans="2:7" x14ac:dyDescent="0.2">
      <c r="B42" s="29"/>
      <c r="C42" s="2" t="s">
        <v>84</v>
      </c>
      <c r="D42" s="19">
        <v>289</v>
      </c>
      <c r="E42" s="20">
        <v>262</v>
      </c>
      <c r="F42" s="21">
        <v>22</v>
      </c>
      <c r="G42" s="22">
        <v>5</v>
      </c>
    </row>
    <row r="43" spans="2:7" x14ac:dyDescent="0.2">
      <c r="B43" s="29"/>
      <c r="C43" s="7"/>
      <c r="D43" s="23">
        <v>100</v>
      </c>
      <c r="E43" s="24">
        <v>90.7</v>
      </c>
      <c r="F43" s="25">
        <v>7.6</v>
      </c>
      <c r="G43" s="26">
        <v>1.7</v>
      </c>
    </row>
    <row r="44" spans="2:7" x14ac:dyDescent="0.2">
      <c r="B44" s="29"/>
      <c r="C44" s="2" t="s">
        <v>86</v>
      </c>
      <c r="D44" s="19">
        <v>247</v>
      </c>
      <c r="E44" s="20">
        <v>205</v>
      </c>
      <c r="F44" s="21">
        <v>27</v>
      </c>
      <c r="G44" s="22">
        <v>15</v>
      </c>
    </row>
    <row r="45" spans="2:7" x14ac:dyDescent="0.2">
      <c r="B45" s="29"/>
      <c r="C45" s="7"/>
      <c r="D45" s="23">
        <v>100</v>
      </c>
      <c r="E45" s="24">
        <v>83</v>
      </c>
      <c r="F45" s="25">
        <v>10.9</v>
      </c>
      <c r="G45" s="26">
        <v>6.1</v>
      </c>
    </row>
    <row r="46" spans="2:7" x14ac:dyDescent="0.2">
      <c r="B46" s="29"/>
      <c r="C46" s="2" t="s">
        <v>88</v>
      </c>
      <c r="D46" s="19">
        <v>125</v>
      </c>
      <c r="E46" s="20">
        <v>98</v>
      </c>
      <c r="F46" s="21">
        <v>17</v>
      </c>
      <c r="G46" s="22">
        <v>10</v>
      </c>
    </row>
    <row r="47" spans="2:7" x14ac:dyDescent="0.2">
      <c r="B47" s="29"/>
      <c r="C47" s="7"/>
      <c r="D47" s="23">
        <v>100</v>
      </c>
      <c r="E47" s="24">
        <v>78.400000000000006</v>
      </c>
      <c r="F47" s="25">
        <v>13.6</v>
      </c>
      <c r="G47" s="26">
        <v>8</v>
      </c>
    </row>
    <row r="48" spans="2:7" x14ac:dyDescent="0.2">
      <c r="B48" s="29"/>
      <c r="C48" s="2" t="s">
        <v>90</v>
      </c>
      <c r="D48" s="19">
        <v>150</v>
      </c>
      <c r="E48" s="20">
        <v>124</v>
      </c>
      <c r="F48" s="21">
        <v>13</v>
      </c>
      <c r="G48" s="22">
        <v>13</v>
      </c>
    </row>
    <row r="49" spans="2:7" x14ac:dyDescent="0.2">
      <c r="B49" s="29"/>
      <c r="C49" s="7"/>
      <c r="D49" s="23">
        <v>100</v>
      </c>
      <c r="E49" s="24">
        <v>82.7</v>
      </c>
      <c r="F49" s="25">
        <v>8.6999999999999993</v>
      </c>
      <c r="G49" s="26">
        <v>8.6999999999999993</v>
      </c>
    </row>
    <row r="50" spans="2:7" x14ac:dyDescent="0.2">
      <c r="B50" s="29"/>
      <c r="C50" s="2" t="s">
        <v>92</v>
      </c>
      <c r="D50" s="19">
        <v>60</v>
      </c>
      <c r="E50" s="20">
        <v>42</v>
      </c>
      <c r="F50" s="21">
        <v>7</v>
      </c>
      <c r="G50" s="22">
        <v>11</v>
      </c>
    </row>
    <row r="51" spans="2:7" x14ac:dyDescent="0.2">
      <c r="B51" s="29"/>
      <c r="C51" s="10"/>
      <c r="D51" s="23">
        <v>100</v>
      </c>
      <c r="E51" s="24">
        <v>70</v>
      </c>
      <c r="F51" s="25">
        <v>11.7</v>
      </c>
      <c r="G51" s="26">
        <v>18.3</v>
      </c>
    </row>
    <row r="52" spans="2:7" x14ac:dyDescent="0.2">
      <c r="B52" s="28" t="s">
        <v>33</v>
      </c>
      <c r="C52" s="9" t="s">
        <v>12</v>
      </c>
      <c r="D52" s="11">
        <v>1241</v>
      </c>
      <c r="E52" s="31">
        <v>1039</v>
      </c>
      <c r="F52" s="13">
        <v>140</v>
      </c>
      <c r="G52" s="14">
        <v>62</v>
      </c>
    </row>
    <row r="53" spans="2:7" x14ac:dyDescent="0.2">
      <c r="B53" s="29"/>
      <c r="C53" s="8"/>
      <c r="D53" s="15">
        <v>100</v>
      </c>
      <c r="E53" s="16">
        <v>83.7</v>
      </c>
      <c r="F53" s="17">
        <v>11.3</v>
      </c>
      <c r="G53" s="18">
        <v>5</v>
      </c>
    </row>
    <row r="54" spans="2:7" x14ac:dyDescent="0.2">
      <c r="B54" s="29"/>
      <c r="C54" s="2" t="s">
        <v>57</v>
      </c>
      <c r="D54" s="19">
        <v>2</v>
      </c>
      <c r="E54" s="20">
        <v>2</v>
      </c>
      <c r="F54" s="21" t="s">
        <v>152</v>
      </c>
      <c r="G54" s="22" t="s">
        <v>152</v>
      </c>
    </row>
    <row r="55" spans="2:7" x14ac:dyDescent="0.2">
      <c r="B55" s="29"/>
      <c r="C55" s="7"/>
      <c r="D55" s="23">
        <v>100</v>
      </c>
      <c r="E55" s="24">
        <v>100</v>
      </c>
      <c r="F55" s="25" t="s">
        <v>152</v>
      </c>
      <c r="G55" s="26" t="s">
        <v>152</v>
      </c>
    </row>
    <row r="56" spans="2:7" x14ac:dyDescent="0.2">
      <c r="B56" s="29"/>
      <c r="C56" s="2" t="s">
        <v>63</v>
      </c>
      <c r="D56" s="19">
        <v>20</v>
      </c>
      <c r="E56" s="20">
        <v>17</v>
      </c>
      <c r="F56" s="21">
        <v>3</v>
      </c>
      <c r="G56" s="22" t="s">
        <v>152</v>
      </c>
    </row>
    <row r="57" spans="2:7" x14ac:dyDescent="0.2">
      <c r="B57" s="29"/>
      <c r="C57" s="7"/>
      <c r="D57" s="23">
        <v>100</v>
      </c>
      <c r="E57" s="24">
        <v>85</v>
      </c>
      <c r="F57" s="25">
        <v>15</v>
      </c>
      <c r="G57" s="26" t="s">
        <v>152</v>
      </c>
    </row>
    <row r="58" spans="2:7" x14ac:dyDescent="0.2">
      <c r="B58" s="29"/>
      <c r="C58" s="2" t="s">
        <v>148</v>
      </c>
      <c r="D58" s="19">
        <v>22</v>
      </c>
      <c r="E58" s="20">
        <v>19</v>
      </c>
      <c r="F58" s="21">
        <v>3</v>
      </c>
      <c r="G58" s="22" t="s">
        <v>152</v>
      </c>
    </row>
    <row r="59" spans="2:7" x14ac:dyDescent="0.2">
      <c r="B59" s="29"/>
      <c r="C59" s="7"/>
      <c r="D59" s="23">
        <v>100</v>
      </c>
      <c r="E59" s="24">
        <v>86.36363636363636</v>
      </c>
      <c r="F59" s="25">
        <v>13.636363636363635</v>
      </c>
      <c r="G59" s="26" t="s">
        <v>152</v>
      </c>
    </row>
    <row r="60" spans="2:7" x14ac:dyDescent="0.2">
      <c r="B60" s="29"/>
      <c r="C60" s="2" t="s">
        <v>64</v>
      </c>
      <c r="D60" s="19">
        <v>51</v>
      </c>
      <c r="E60" s="20">
        <v>44</v>
      </c>
      <c r="F60" s="21">
        <v>6</v>
      </c>
      <c r="G60" s="22">
        <v>1</v>
      </c>
    </row>
    <row r="61" spans="2:7" x14ac:dyDescent="0.2">
      <c r="B61" s="29"/>
      <c r="C61" s="7"/>
      <c r="D61" s="23">
        <v>100</v>
      </c>
      <c r="E61" s="24">
        <v>86.3</v>
      </c>
      <c r="F61" s="25">
        <v>11.8</v>
      </c>
      <c r="G61" s="26">
        <v>2</v>
      </c>
    </row>
    <row r="62" spans="2:7" x14ac:dyDescent="0.2">
      <c r="B62" s="29"/>
      <c r="C62" s="2" t="s">
        <v>65</v>
      </c>
      <c r="D62" s="19">
        <v>88</v>
      </c>
      <c r="E62" s="20">
        <v>76</v>
      </c>
      <c r="F62" s="21">
        <v>11</v>
      </c>
      <c r="G62" s="22">
        <v>1</v>
      </c>
    </row>
    <row r="63" spans="2:7" x14ac:dyDescent="0.2">
      <c r="B63" s="29"/>
      <c r="C63" s="7"/>
      <c r="D63" s="23">
        <v>100</v>
      </c>
      <c r="E63" s="24">
        <v>86.4</v>
      </c>
      <c r="F63" s="25">
        <v>12.5</v>
      </c>
      <c r="G63" s="26">
        <v>1.1000000000000001</v>
      </c>
    </row>
    <row r="64" spans="2:7" x14ac:dyDescent="0.2">
      <c r="B64" s="29"/>
      <c r="C64" s="2" t="s">
        <v>66</v>
      </c>
      <c r="D64" s="19">
        <v>146</v>
      </c>
      <c r="E64" s="20">
        <v>132</v>
      </c>
      <c r="F64" s="21">
        <v>11</v>
      </c>
      <c r="G64" s="22">
        <v>3</v>
      </c>
    </row>
    <row r="65" spans="2:7" x14ac:dyDescent="0.2">
      <c r="B65" s="29"/>
      <c r="C65" s="7"/>
      <c r="D65" s="23">
        <v>100</v>
      </c>
      <c r="E65" s="24">
        <v>90.4</v>
      </c>
      <c r="F65" s="25">
        <v>7.5</v>
      </c>
      <c r="G65" s="26">
        <v>2.1</v>
      </c>
    </row>
    <row r="66" spans="2:7" x14ac:dyDescent="0.2">
      <c r="B66" s="29"/>
      <c r="C66" s="2" t="s">
        <v>67</v>
      </c>
      <c r="D66" s="19">
        <v>133</v>
      </c>
      <c r="E66" s="20">
        <v>113</v>
      </c>
      <c r="F66" s="21">
        <v>12</v>
      </c>
      <c r="G66" s="22">
        <v>8</v>
      </c>
    </row>
    <row r="67" spans="2:7" x14ac:dyDescent="0.2">
      <c r="B67" s="29"/>
      <c r="C67" s="7"/>
      <c r="D67" s="23">
        <v>100</v>
      </c>
      <c r="E67" s="24">
        <v>85</v>
      </c>
      <c r="F67" s="25">
        <v>9</v>
      </c>
      <c r="G67" s="26">
        <v>6</v>
      </c>
    </row>
    <row r="68" spans="2:7" x14ac:dyDescent="0.2">
      <c r="B68" s="29"/>
      <c r="C68" s="2" t="s">
        <v>58</v>
      </c>
      <c r="D68" s="19">
        <v>57</v>
      </c>
      <c r="E68" s="20">
        <v>45</v>
      </c>
      <c r="F68" s="21">
        <v>7</v>
      </c>
      <c r="G68" s="22">
        <v>5</v>
      </c>
    </row>
    <row r="69" spans="2:7" x14ac:dyDescent="0.2">
      <c r="B69" s="29"/>
      <c r="C69" s="7"/>
      <c r="D69" s="23">
        <v>100</v>
      </c>
      <c r="E69" s="24">
        <v>78.900000000000006</v>
      </c>
      <c r="F69" s="25">
        <v>12.3</v>
      </c>
      <c r="G69" s="26">
        <v>8.8000000000000007</v>
      </c>
    </row>
    <row r="70" spans="2:7" x14ac:dyDescent="0.2">
      <c r="B70" s="29"/>
      <c r="C70" s="2" t="s">
        <v>68</v>
      </c>
      <c r="D70" s="19">
        <v>65</v>
      </c>
      <c r="E70" s="20">
        <v>55</v>
      </c>
      <c r="F70" s="21">
        <v>4</v>
      </c>
      <c r="G70" s="22">
        <v>6</v>
      </c>
    </row>
    <row r="71" spans="2:7" x14ac:dyDescent="0.2">
      <c r="B71" s="29"/>
      <c r="C71" s="7"/>
      <c r="D71" s="23">
        <v>100</v>
      </c>
      <c r="E71" s="24">
        <v>84.6</v>
      </c>
      <c r="F71" s="25">
        <v>6.2</v>
      </c>
      <c r="G71" s="26">
        <v>9.1999999999999993</v>
      </c>
    </row>
    <row r="72" spans="2:7" x14ac:dyDescent="0.2">
      <c r="B72" s="29"/>
      <c r="C72" s="2" t="s">
        <v>59</v>
      </c>
      <c r="D72" s="19">
        <v>1</v>
      </c>
      <c r="E72" s="20" t="s">
        <v>152</v>
      </c>
      <c r="F72" s="21">
        <v>1</v>
      </c>
      <c r="G72" s="22" t="s">
        <v>152</v>
      </c>
    </row>
    <row r="73" spans="2:7" x14ac:dyDescent="0.2">
      <c r="B73" s="29"/>
      <c r="C73" s="7"/>
      <c r="D73" s="23">
        <v>100</v>
      </c>
      <c r="E73" s="24" t="s">
        <v>152</v>
      </c>
      <c r="F73" s="25">
        <v>100</v>
      </c>
      <c r="G73" s="26" t="s">
        <v>152</v>
      </c>
    </row>
    <row r="74" spans="2:7" x14ac:dyDescent="0.2">
      <c r="B74" s="29"/>
      <c r="C74" s="2" t="s">
        <v>69</v>
      </c>
      <c r="D74" s="19">
        <v>29</v>
      </c>
      <c r="E74" s="20">
        <v>25</v>
      </c>
      <c r="F74" s="21">
        <v>4</v>
      </c>
      <c r="G74" s="22" t="s">
        <v>152</v>
      </c>
    </row>
    <row r="75" spans="2:7" x14ac:dyDescent="0.2">
      <c r="B75" s="29"/>
      <c r="C75" s="7"/>
      <c r="D75" s="23">
        <v>100</v>
      </c>
      <c r="E75" s="24">
        <v>86.2</v>
      </c>
      <c r="F75" s="25">
        <v>13.8</v>
      </c>
      <c r="G75" s="26" t="s">
        <v>152</v>
      </c>
    </row>
    <row r="76" spans="2:7" x14ac:dyDescent="0.2">
      <c r="B76" s="29"/>
      <c r="C76" s="2" t="s">
        <v>149</v>
      </c>
      <c r="D76" s="19">
        <v>30</v>
      </c>
      <c r="E76" s="20">
        <v>25</v>
      </c>
      <c r="F76" s="21">
        <v>5</v>
      </c>
      <c r="G76" s="22" t="s">
        <v>152</v>
      </c>
    </row>
    <row r="77" spans="2:7" x14ac:dyDescent="0.2">
      <c r="B77" s="29"/>
      <c r="C77" s="7"/>
      <c r="D77" s="23">
        <v>100</v>
      </c>
      <c r="E77" s="24">
        <v>83.333333333333343</v>
      </c>
      <c r="F77" s="25">
        <v>16.666666666666664</v>
      </c>
      <c r="G77" s="26" t="s">
        <v>152</v>
      </c>
    </row>
    <row r="78" spans="2:7" x14ac:dyDescent="0.2">
      <c r="B78" s="29"/>
      <c r="C78" s="2" t="s">
        <v>70</v>
      </c>
      <c r="D78" s="19">
        <v>64</v>
      </c>
      <c r="E78" s="20">
        <v>51</v>
      </c>
      <c r="F78" s="21">
        <v>12</v>
      </c>
      <c r="G78" s="22">
        <v>1</v>
      </c>
    </row>
    <row r="79" spans="2:7" x14ac:dyDescent="0.2">
      <c r="B79" s="29"/>
      <c r="C79" s="7"/>
      <c r="D79" s="23">
        <v>100</v>
      </c>
      <c r="E79" s="24">
        <v>79.7</v>
      </c>
      <c r="F79" s="25">
        <v>18.8</v>
      </c>
      <c r="G79" s="26">
        <v>1.6</v>
      </c>
    </row>
    <row r="80" spans="2:7" x14ac:dyDescent="0.2">
      <c r="B80" s="29"/>
      <c r="C80" s="2" t="s">
        <v>71</v>
      </c>
      <c r="D80" s="19">
        <v>112</v>
      </c>
      <c r="E80" s="20">
        <v>90</v>
      </c>
      <c r="F80" s="21">
        <v>17</v>
      </c>
      <c r="G80" s="22">
        <v>5</v>
      </c>
    </row>
    <row r="81" spans="2:7" x14ac:dyDescent="0.2">
      <c r="B81" s="29"/>
      <c r="C81" s="7"/>
      <c r="D81" s="23">
        <v>100</v>
      </c>
      <c r="E81" s="24">
        <v>80.400000000000006</v>
      </c>
      <c r="F81" s="25">
        <v>15.2</v>
      </c>
      <c r="G81" s="26">
        <v>4.5</v>
      </c>
    </row>
    <row r="82" spans="2:7" x14ac:dyDescent="0.2">
      <c r="B82" s="29"/>
      <c r="C82" s="2" t="s">
        <v>72</v>
      </c>
      <c r="D82" s="19">
        <v>137</v>
      </c>
      <c r="E82" s="20">
        <v>124</v>
      </c>
      <c r="F82" s="21">
        <v>11</v>
      </c>
      <c r="G82" s="22">
        <v>2</v>
      </c>
    </row>
    <row r="83" spans="2:7" x14ac:dyDescent="0.2">
      <c r="B83" s="29"/>
      <c r="C83" s="7"/>
      <c r="D83" s="23">
        <v>100</v>
      </c>
      <c r="E83" s="24">
        <v>90.5</v>
      </c>
      <c r="F83" s="25">
        <v>8</v>
      </c>
      <c r="G83" s="26">
        <v>1.5</v>
      </c>
    </row>
    <row r="84" spans="2:7" x14ac:dyDescent="0.2">
      <c r="B84" s="29"/>
      <c r="C84" s="2" t="s">
        <v>73</v>
      </c>
      <c r="D84" s="19">
        <v>112</v>
      </c>
      <c r="E84" s="20">
        <v>90</v>
      </c>
      <c r="F84" s="21">
        <v>15</v>
      </c>
      <c r="G84" s="22">
        <v>7</v>
      </c>
    </row>
    <row r="85" spans="2:7" x14ac:dyDescent="0.2">
      <c r="B85" s="29"/>
      <c r="C85" s="7"/>
      <c r="D85" s="23">
        <v>100</v>
      </c>
      <c r="E85" s="24">
        <v>80.400000000000006</v>
      </c>
      <c r="F85" s="25">
        <v>13.4</v>
      </c>
      <c r="G85" s="26">
        <v>6.3</v>
      </c>
    </row>
    <row r="86" spans="2:7" x14ac:dyDescent="0.2">
      <c r="B86" s="29"/>
      <c r="C86" s="2" t="s">
        <v>60</v>
      </c>
      <c r="D86" s="19">
        <v>66</v>
      </c>
      <c r="E86" s="20">
        <v>52</v>
      </c>
      <c r="F86" s="21">
        <v>9</v>
      </c>
      <c r="G86" s="22">
        <v>5</v>
      </c>
    </row>
    <row r="87" spans="2:7" x14ac:dyDescent="0.2">
      <c r="B87" s="29"/>
      <c r="C87" s="7"/>
      <c r="D87" s="23">
        <v>100</v>
      </c>
      <c r="E87" s="24">
        <v>78.8</v>
      </c>
      <c r="F87" s="25">
        <v>13.6</v>
      </c>
      <c r="G87" s="26">
        <v>7.6</v>
      </c>
    </row>
    <row r="88" spans="2:7" x14ac:dyDescent="0.2">
      <c r="B88" s="29"/>
      <c r="C88" s="2" t="s">
        <v>74</v>
      </c>
      <c r="D88" s="19">
        <v>83</v>
      </c>
      <c r="E88" s="20">
        <v>67</v>
      </c>
      <c r="F88" s="21">
        <v>9</v>
      </c>
      <c r="G88" s="22">
        <v>7</v>
      </c>
    </row>
    <row r="89" spans="2:7" x14ac:dyDescent="0.2">
      <c r="B89" s="29"/>
      <c r="C89" s="7"/>
      <c r="D89" s="23">
        <v>100</v>
      </c>
      <c r="E89" s="24">
        <v>80.7</v>
      </c>
      <c r="F89" s="25">
        <v>10.8</v>
      </c>
      <c r="G89" s="26">
        <v>8.4</v>
      </c>
    </row>
    <row r="90" spans="2:7" x14ac:dyDescent="0.2">
      <c r="B90" s="29"/>
      <c r="C90" s="2" t="s">
        <v>0</v>
      </c>
      <c r="D90" s="19">
        <v>75</v>
      </c>
      <c r="E90" s="20">
        <v>56</v>
      </c>
      <c r="F90" s="21">
        <v>8</v>
      </c>
      <c r="G90" s="22">
        <v>11</v>
      </c>
    </row>
    <row r="91" spans="2:7" x14ac:dyDescent="0.2">
      <c r="B91" s="29"/>
      <c r="C91" s="7"/>
      <c r="D91" s="23">
        <v>100</v>
      </c>
      <c r="E91" s="24">
        <v>74.7</v>
      </c>
      <c r="F91" s="25">
        <v>10.7</v>
      </c>
      <c r="G91" s="26">
        <v>14.7</v>
      </c>
    </row>
    <row r="92" spans="2:7" x14ac:dyDescent="0.2">
      <c r="B92" s="28" t="s">
        <v>32</v>
      </c>
      <c r="C92" s="9" t="s">
        <v>12</v>
      </c>
      <c r="D92" s="11">
        <v>1241</v>
      </c>
      <c r="E92" s="31">
        <v>1039</v>
      </c>
      <c r="F92" s="13">
        <v>140</v>
      </c>
      <c r="G92" s="14">
        <v>62</v>
      </c>
    </row>
    <row r="93" spans="2:7" x14ac:dyDescent="0.2">
      <c r="B93" s="29"/>
      <c r="C93" s="8"/>
      <c r="D93" s="15">
        <v>100</v>
      </c>
      <c r="E93" s="16">
        <v>83.7</v>
      </c>
      <c r="F93" s="17">
        <v>11.3</v>
      </c>
      <c r="G93" s="18">
        <v>5</v>
      </c>
    </row>
    <row r="94" spans="2:7" x14ac:dyDescent="0.2">
      <c r="B94" s="29"/>
      <c r="C94" s="2" t="s">
        <v>21</v>
      </c>
      <c r="D94" s="19">
        <v>65</v>
      </c>
      <c r="E94" s="20">
        <v>56</v>
      </c>
      <c r="F94" s="21">
        <v>5</v>
      </c>
      <c r="G94" s="22">
        <v>4</v>
      </c>
    </row>
    <row r="95" spans="2:7" x14ac:dyDescent="0.2">
      <c r="B95" s="29"/>
      <c r="C95" s="7"/>
      <c r="D95" s="23">
        <v>100</v>
      </c>
      <c r="E95" s="24">
        <v>86.2</v>
      </c>
      <c r="F95" s="25">
        <v>7.7</v>
      </c>
      <c r="G95" s="26">
        <v>6.2</v>
      </c>
    </row>
    <row r="96" spans="2:7" x14ac:dyDescent="0.2">
      <c r="B96" s="29"/>
      <c r="C96" s="2" t="s">
        <v>20</v>
      </c>
      <c r="D96" s="19">
        <v>7</v>
      </c>
      <c r="E96" s="20">
        <v>6</v>
      </c>
      <c r="F96" s="21" t="s">
        <v>152</v>
      </c>
      <c r="G96" s="22">
        <v>1</v>
      </c>
    </row>
    <row r="97" spans="2:7" x14ac:dyDescent="0.2">
      <c r="B97" s="29"/>
      <c r="C97" s="7"/>
      <c r="D97" s="23">
        <v>100</v>
      </c>
      <c r="E97" s="24">
        <v>85.7</v>
      </c>
      <c r="F97" s="25" t="s">
        <v>152</v>
      </c>
      <c r="G97" s="26">
        <v>14.3</v>
      </c>
    </row>
    <row r="98" spans="2:7" x14ac:dyDescent="0.2">
      <c r="B98" s="29"/>
      <c r="C98" s="2" t="s">
        <v>19</v>
      </c>
      <c r="D98" s="19">
        <v>484</v>
      </c>
      <c r="E98" s="20">
        <v>420</v>
      </c>
      <c r="F98" s="21">
        <v>54</v>
      </c>
      <c r="G98" s="22">
        <v>10</v>
      </c>
    </row>
    <row r="99" spans="2:7" x14ac:dyDescent="0.2">
      <c r="B99" s="29"/>
      <c r="C99" s="7"/>
      <c r="D99" s="23">
        <v>100</v>
      </c>
      <c r="E99" s="24">
        <v>86.8</v>
      </c>
      <c r="F99" s="25">
        <v>11.2</v>
      </c>
      <c r="G99" s="26">
        <v>2.1</v>
      </c>
    </row>
    <row r="100" spans="2:7" x14ac:dyDescent="0.2">
      <c r="B100" s="29"/>
      <c r="C100" s="2" t="s">
        <v>18</v>
      </c>
      <c r="D100" s="19">
        <v>195</v>
      </c>
      <c r="E100" s="20">
        <v>163</v>
      </c>
      <c r="F100" s="21">
        <v>22</v>
      </c>
      <c r="G100" s="22">
        <v>10</v>
      </c>
    </row>
    <row r="101" spans="2:7" x14ac:dyDescent="0.2">
      <c r="B101" s="29"/>
      <c r="C101" s="7"/>
      <c r="D101" s="23">
        <v>100</v>
      </c>
      <c r="E101" s="24">
        <v>83.6</v>
      </c>
      <c r="F101" s="25">
        <v>11.3</v>
      </c>
      <c r="G101" s="26">
        <v>5.0999999999999996</v>
      </c>
    </row>
    <row r="102" spans="2:7" x14ac:dyDescent="0.2">
      <c r="B102" s="29"/>
      <c r="C102" s="2" t="s">
        <v>17</v>
      </c>
      <c r="D102" s="19">
        <v>1</v>
      </c>
      <c r="E102" s="20">
        <v>1</v>
      </c>
      <c r="F102" s="21" t="s">
        <v>152</v>
      </c>
      <c r="G102" s="22" t="s">
        <v>152</v>
      </c>
    </row>
    <row r="103" spans="2:7" x14ac:dyDescent="0.2">
      <c r="B103" s="29"/>
      <c r="C103" s="7"/>
      <c r="D103" s="23">
        <v>100</v>
      </c>
      <c r="E103" s="24">
        <v>100</v>
      </c>
      <c r="F103" s="25" t="s">
        <v>152</v>
      </c>
      <c r="G103" s="26" t="s">
        <v>152</v>
      </c>
    </row>
    <row r="104" spans="2:7" x14ac:dyDescent="0.2">
      <c r="B104" s="29"/>
      <c r="C104" s="2" t="s">
        <v>151</v>
      </c>
      <c r="D104" s="19">
        <v>178</v>
      </c>
      <c r="E104" s="20">
        <v>151</v>
      </c>
      <c r="F104" s="21">
        <v>18</v>
      </c>
      <c r="G104" s="22">
        <v>9</v>
      </c>
    </row>
    <row r="105" spans="2:7" x14ac:dyDescent="0.2">
      <c r="B105" s="29"/>
      <c r="C105" s="7"/>
      <c r="D105" s="23">
        <v>100</v>
      </c>
      <c r="E105" s="24">
        <v>84.8</v>
      </c>
      <c r="F105" s="25">
        <v>10.1</v>
      </c>
      <c r="G105" s="26">
        <v>5.0999999999999996</v>
      </c>
    </row>
    <row r="106" spans="2:7" x14ac:dyDescent="0.2">
      <c r="B106" s="29"/>
      <c r="C106" s="2" t="s">
        <v>16</v>
      </c>
      <c r="D106" s="19">
        <v>10</v>
      </c>
      <c r="E106" s="20">
        <v>9</v>
      </c>
      <c r="F106" s="21">
        <v>1</v>
      </c>
      <c r="G106" s="22" t="s">
        <v>152</v>
      </c>
    </row>
    <row r="107" spans="2:7" x14ac:dyDescent="0.2">
      <c r="B107" s="29"/>
      <c r="C107" s="7"/>
      <c r="D107" s="23">
        <v>100</v>
      </c>
      <c r="E107" s="24">
        <v>90</v>
      </c>
      <c r="F107" s="25">
        <v>10</v>
      </c>
      <c r="G107" s="26" t="s">
        <v>152</v>
      </c>
    </row>
    <row r="108" spans="2:7" x14ac:dyDescent="0.2">
      <c r="B108" s="29"/>
      <c r="C108" s="2" t="s">
        <v>15</v>
      </c>
      <c r="D108" s="19">
        <v>211</v>
      </c>
      <c r="E108" s="20">
        <v>169</v>
      </c>
      <c r="F108" s="21">
        <v>29</v>
      </c>
      <c r="G108" s="22">
        <v>13</v>
      </c>
    </row>
    <row r="109" spans="2:7" x14ac:dyDescent="0.2">
      <c r="B109" s="29"/>
      <c r="C109" s="7"/>
      <c r="D109" s="23">
        <v>100</v>
      </c>
      <c r="E109" s="24">
        <v>80.099999999999994</v>
      </c>
      <c r="F109" s="25">
        <v>13.7</v>
      </c>
      <c r="G109" s="26">
        <v>6.2</v>
      </c>
    </row>
    <row r="110" spans="2:7" x14ac:dyDescent="0.2">
      <c r="B110" s="29"/>
      <c r="C110" s="2" t="s">
        <v>14</v>
      </c>
      <c r="D110" s="19">
        <v>12</v>
      </c>
      <c r="E110" s="20">
        <v>10</v>
      </c>
      <c r="F110" s="21">
        <v>1</v>
      </c>
      <c r="G110" s="22">
        <v>1</v>
      </c>
    </row>
    <row r="111" spans="2:7" x14ac:dyDescent="0.2">
      <c r="B111" s="29"/>
      <c r="C111" s="7"/>
      <c r="D111" s="23">
        <v>100</v>
      </c>
      <c r="E111" s="24">
        <v>83.3</v>
      </c>
      <c r="F111" s="25">
        <v>8.3000000000000007</v>
      </c>
      <c r="G111" s="26">
        <v>8.3000000000000007</v>
      </c>
    </row>
    <row r="112" spans="2:7" x14ac:dyDescent="0.2">
      <c r="B112" s="29"/>
      <c r="C112" s="2" t="s">
        <v>13</v>
      </c>
      <c r="D112" s="19">
        <v>78</v>
      </c>
      <c r="E112" s="20">
        <v>54</v>
      </c>
      <c r="F112" s="21">
        <v>10</v>
      </c>
      <c r="G112" s="22">
        <v>14</v>
      </c>
    </row>
    <row r="113" spans="2:7" x14ac:dyDescent="0.2">
      <c r="B113" s="30"/>
      <c r="C113" s="10"/>
      <c r="D113" s="15">
        <v>100</v>
      </c>
      <c r="E113" s="16">
        <v>69.2</v>
      </c>
      <c r="F113" s="17">
        <v>12.8</v>
      </c>
      <c r="G113" s="18">
        <v>17.899999999999999</v>
      </c>
    </row>
    <row r="114" spans="2:7" x14ac:dyDescent="0.2">
      <c r="B114" s="28" t="s">
        <v>31</v>
      </c>
      <c r="C114" s="9" t="s">
        <v>12</v>
      </c>
      <c r="D114" s="11">
        <v>752</v>
      </c>
      <c r="E114" s="12">
        <v>646</v>
      </c>
      <c r="F114" s="13">
        <v>81</v>
      </c>
      <c r="G114" s="14">
        <v>25</v>
      </c>
    </row>
    <row r="115" spans="2:7" x14ac:dyDescent="0.2">
      <c r="B115" s="29"/>
      <c r="C115" s="8"/>
      <c r="D115" s="15">
        <v>100</v>
      </c>
      <c r="E115" s="16">
        <v>85.9</v>
      </c>
      <c r="F115" s="17">
        <v>10.8</v>
      </c>
      <c r="G115" s="18">
        <v>3.3</v>
      </c>
    </row>
    <row r="116" spans="2:7" x14ac:dyDescent="0.2">
      <c r="B116" s="29"/>
      <c r="C116" s="2" t="s">
        <v>11</v>
      </c>
      <c r="D116" s="19">
        <v>2</v>
      </c>
      <c r="E116" s="20">
        <v>2</v>
      </c>
      <c r="F116" s="21" t="s">
        <v>152</v>
      </c>
      <c r="G116" s="22" t="s">
        <v>152</v>
      </c>
    </row>
    <row r="117" spans="2:7" x14ac:dyDescent="0.2">
      <c r="B117" s="29"/>
      <c r="C117" s="7"/>
      <c r="D117" s="23">
        <v>100</v>
      </c>
      <c r="E117" s="24">
        <v>100</v>
      </c>
      <c r="F117" s="25" t="s">
        <v>152</v>
      </c>
      <c r="G117" s="26" t="s">
        <v>152</v>
      </c>
    </row>
    <row r="118" spans="2:7" x14ac:dyDescent="0.2">
      <c r="B118" s="29"/>
      <c r="C118" s="2" t="s">
        <v>10</v>
      </c>
      <c r="D118" s="19">
        <v>32</v>
      </c>
      <c r="E118" s="20">
        <v>29</v>
      </c>
      <c r="F118" s="21">
        <v>1</v>
      </c>
      <c r="G118" s="22">
        <v>2</v>
      </c>
    </row>
    <row r="119" spans="2:7" x14ac:dyDescent="0.2">
      <c r="B119" s="29"/>
      <c r="C119" s="7"/>
      <c r="D119" s="23">
        <v>100</v>
      </c>
      <c r="E119" s="24">
        <v>90.6</v>
      </c>
      <c r="F119" s="25">
        <v>3.1</v>
      </c>
      <c r="G119" s="26">
        <v>6.3</v>
      </c>
    </row>
    <row r="120" spans="2:7" x14ac:dyDescent="0.2">
      <c r="B120" s="29"/>
      <c r="C120" s="2" t="s">
        <v>9</v>
      </c>
      <c r="D120" s="19">
        <v>33</v>
      </c>
      <c r="E120" s="20">
        <v>27</v>
      </c>
      <c r="F120" s="21">
        <v>4</v>
      </c>
      <c r="G120" s="22">
        <v>2</v>
      </c>
    </row>
    <row r="121" spans="2:7" x14ac:dyDescent="0.2">
      <c r="B121" s="29"/>
      <c r="C121" s="7"/>
      <c r="D121" s="23">
        <v>100</v>
      </c>
      <c r="E121" s="24">
        <v>81.8</v>
      </c>
      <c r="F121" s="25">
        <v>12.1</v>
      </c>
      <c r="G121" s="26">
        <v>6.1</v>
      </c>
    </row>
    <row r="122" spans="2:7" x14ac:dyDescent="0.2">
      <c r="B122" s="29"/>
      <c r="C122" s="2" t="s">
        <v>8</v>
      </c>
      <c r="D122" s="19">
        <v>71</v>
      </c>
      <c r="E122" s="20">
        <v>64</v>
      </c>
      <c r="F122" s="21">
        <v>6</v>
      </c>
      <c r="G122" s="22">
        <v>1</v>
      </c>
    </row>
    <row r="123" spans="2:7" x14ac:dyDescent="0.2">
      <c r="B123" s="29"/>
      <c r="C123" s="7"/>
      <c r="D123" s="23">
        <v>100</v>
      </c>
      <c r="E123" s="24">
        <v>90.1</v>
      </c>
      <c r="F123" s="25">
        <v>8.5</v>
      </c>
      <c r="G123" s="26">
        <v>1.4</v>
      </c>
    </row>
    <row r="124" spans="2:7" x14ac:dyDescent="0.2">
      <c r="B124" s="29"/>
      <c r="C124" s="2" t="s">
        <v>7</v>
      </c>
      <c r="D124" s="19">
        <v>152</v>
      </c>
      <c r="E124" s="20">
        <v>130</v>
      </c>
      <c r="F124" s="21">
        <v>19</v>
      </c>
      <c r="G124" s="22">
        <v>3</v>
      </c>
    </row>
    <row r="125" spans="2:7" x14ac:dyDescent="0.2">
      <c r="B125" s="29"/>
      <c r="C125" s="7"/>
      <c r="D125" s="23">
        <v>100</v>
      </c>
      <c r="E125" s="24">
        <v>85.5</v>
      </c>
      <c r="F125" s="25">
        <v>12.5</v>
      </c>
      <c r="G125" s="26">
        <v>2</v>
      </c>
    </row>
    <row r="126" spans="2:7" x14ac:dyDescent="0.2">
      <c r="B126" s="29"/>
      <c r="C126" s="2" t="s">
        <v>6</v>
      </c>
      <c r="D126" s="19">
        <v>176</v>
      </c>
      <c r="E126" s="20">
        <v>149</v>
      </c>
      <c r="F126" s="21">
        <v>21</v>
      </c>
      <c r="G126" s="22">
        <v>6</v>
      </c>
    </row>
    <row r="127" spans="2:7" x14ac:dyDescent="0.2">
      <c r="B127" s="29"/>
      <c r="C127" s="7"/>
      <c r="D127" s="23">
        <v>100</v>
      </c>
      <c r="E127" s="24">
        <v>84.7</v>
      </c>
      <c r="F127" s="25">
        <v>11.9</v>
      </c>
      <c r="G127" s="26">
        <v>3.4</v>
      </c>
    </row>
    <row r="128" spans="2:7" x14ac:dyDescent="0.2">
      <c r="B128" s="29"/>
      <c r="C128" s="2" t="s">
        <v>5</v>
      </c>
      <c r="D128" s="19">
        <v>37</v>
      </c>
      <c r="E128" s="20">
        <v>31</v>
      </c>
      <c r="F128" s="21">
        <v>5</v>
      </c>
      <c r="G128" s="22">
        <v>1</v>
      </c>
    </row>
    <row r="129" spans="2:7" x14ac:dyDescent="0.2">
      <c r="B129" s="29"/>
      <c r="C129" s="7"/>
      <c r="D129" s="23">
        <v>100</v>
      </c>
      <c r="E129" s="24">
        <v>83.8</v>
      </c>
      <c r="F129" s="25">
        <v>13.5</v>
      </c>
      <c r="G129" s="26">
        <v>2.7</v>
      </c>
    </row>
    <row r="130" spans="2:7" x14ac:dyDescent="0.2">
      <c r="B130" s="29"/>
      <c r="C130" s="2" t="s">
        <v>4</v>
      </c>
      <c r="D130" s="19">
        <v>67</v>
      </c>
      <c r="E130" s="20">
        <v>60</v>
      </c>
      <c r="F130" s="21">
        <v>7</v>
      </c>
      <c r="G130" s="22" t="s">
        <v>152</v>
      </c>
    </row>
    <row r="131" spans="2:7" x14ac:dyDescent="0.2">
      <c r="B131" s="29"/>
      <c r="C131" s="7"/>
      <c r="D131" s="23">
        <v>100</v>
      </c>
      <c r="E131" s="24">
        <v>89.6</v>
      </c>
      <c r="F131" s="25">
        <v>10.4</v>
      </c>
      <c r="G131" s="26" t="s">
        <v>152</v>
      </c>
    </row>
    <row r="132" spans="2:7" x14ac:dyDescent="0.2">
      <c r="B132" s="29"/>
      <c r="C132" s="2" t="s">
        <v>3</v>
      </c>
      <c r="D132" s="19">
        <v>159</v>
      </c>
      <c r="E132" s="20">
        <v>134</v>
      </c>
      <c r="F132" s="21">
        <v>17</v>
      </c>
      <c r="G132" s="22">
        <v>8</v>
      </c>
    </row>
    <row r="133" spans="2:7" x14ac:dyDescent="0.2">
      <c r="B133" s="29"/>
      <c r="C133" s="7"/>
      <c r="D133" s="23">
        <v>100</v>
      </c>
      <c r="E133" s="24">
        <v>84.3</v>
      </c>
      <c r="F133" s="25">
        <v>10.7</v>
      </c>
      <c r="G133" s="26">
        <v>5</v>
      </c>
    </row>
    <row r="134" spans="2:7" x14ac:dyDescent="0.2">
      <c r="B134" s="29"/>
      <c r="C134" s="2" t="s">
        <v>2</v>
      </c>
      <c r="D134" s="19">
        <v>23</v>
      </c>
      <c r="E134" s="20">
        <v>20</v>
      </c>
      <c r="F134" s="21">
        <v>1</v>
      </c>
      <c r="G134" s="22">
        <v>2</v>
      </c>
    </row>
    <row r="135" spans="2:7" x14ac:dyDescent="0.2">
      <c r="B135" s="30"/>
      <c r="C135" s="10"/>
      <c r="D135" s="15">
        <v>100</v>
      </c>
      <c r="E135" s="16">
        <v>87</v>
      </c>
      <c r="F135" s="17">
        <v>4.3</v>
      </c>
      <c r="G135" s="18">
        <v>8.699999999999999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5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election activeCell="C1" sqref="C1"/>
    </sheetView>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57</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31">
        <v>1039</v>
      </c>
      <c r="F4" s="13">
        <v>140</v>
      </c>
      <c r="G4" s="14">
        <v>62</v>
      </c>
    </row>
    <row r="5" spans="2:7" x14ac:dyDescent="0.2">
      <c r="B5" s="29"/>
      <c r="C5" s="8"/>
      <c r="D5" s="15">
        <v>100</v>
      </c>
      <c r="E5" s="16">
        <v>83.7</v>
      </c>
      <c r="F5" s="17">
        <v>11.3</v>
      </c>
      <c r="G5" s="18">
        <v>5</v>
      </c>
    </row>
    <row r="6" spans="2:7" x14ac:dyDescent="0.2">
      <c r="B6" s="29"/>
      <c r="C6" s="2" t="s">
        <v>52</v>
      </c>
      <c r="D6" s="19">
        <v>557</v>
      </c>
      <c r="E6" s="20">
        <v>468</v>
      </c>
      <c r="F6" s="21">
        <v>60</v>
      </c>
      <c r="G6" s="22">
        <v>29</v>
      </c>
    </row>
    <row r="7" spans="2:7" x14ac:dyDescent="0.2">
      <c r="B7" s="29"/>
      <c r="C7" s="7"/>
      <c r="D7" s="23">
        <v>100</v>
      </c>
      <c r="E7" s="24">
        <v>84</v>
      </c>
      <c r="F7" s="25">
        <v>10.8</v>
      </c>
      <c r="G7" s="26">
        <v>5.2</v>
      </c>
    </row>
    <row r="8" spans="2:7" x14ac:dyDescent="0.2">
      <c r="B8" s="29"/>
      <c r="C8" s="2" t="s">
        <v>51</v>
      </c>
      <c r="D8" s="19">
        <v>595</v>
      </c>
      <c r="E8" s="20">
        <v>504</v>
      </c>
      <c r="F8" s="21">
        <v>71</v>
      </c>
      <c r="G8" s="22">
        <v>20</v>
      </c>
    </row>
    <row r="9" spans="2:7" x14ac:dyDescent="0.2">
      <c r="B9" s="29"/>
      <c r="C9" s="7"/>
      <c r="D9" s="23">
        <v>100</v>
      </c>
      <c r="E9" s="24">
        <v>84.7</v>
      </c>
      <c r="F9" s="25">
        <v>11.9</v>
      </c>
      <c r="G9" s="26">
        <v>3.4</v>
      </c>
    </row>
    <row r="10" spans="2:7" x14ac:dyDescent="0.2">
      <c r="B10" s="29"/>
      <c r="C10" s="2" t="s">
        <v>13</v>
      </c>
      <c r="D10" s="19">
        <v>89</v>
      </c>
      <c r="E10" s="20">
        <v>67</v>
      </c>
      <c r="F10" s="21">
        <v>9</v>
      </c>
      <c r="G10" s="22">
        <v>13</v>
      </c>
    </row>
    <row r="11" spans="2:7" x14ac:dyDescent="0.2">
      <c r="B11" s="30"/>
      <c r="C11" s="10"/>
      <c r="D11" s="15">
        <v>100</v>
      </c>
      <c r="E11" s="16">
        <v>75.3</v>
      </c>
      <c r="F11" s="17">
        <v>10.1</v>
      </c>
      <c r="G11" s="18">
        <v>14.6</v>
      </c>
    </row>
    <row r="12" spans="2:7" x14ac:dyDescent="0.2">
      <c r="B12" s="28" t="s">
        <v>54</v>
      </c>
      <c r="C12" s="9" t="s">
        <v>12</v>
      </c>
      <c r="D12" s="11">
        <v>1241</v>
      </c>
      <c r="E12" s="31">
        <v>1039</v>
      </c>
      <c r="F12" s="13">
        <v>140</v>
      </c>
      <c r="G12" s="14">
        <v>62</v>
      </c>
    </row>
    <row r="13" spans="2:7" x14ac:dyDescent="0.2">
      <c r="B13" s="29"/>
      <c r="C13" s="8"/>
      <c r="D13" s="15">
        <v>100</v>
      </c>
      <c r="E13" s="16">
        <v>83.7</v>
      </c>
      <c r="F13" s="17">
        <v>11.3</v>
      </c>
      <c r="G13" s="18">
        <v>5</v>
      </c>
    </row>
    <row r="14" spans="2:7" x14ac:dyDescent="0.2">
      <c r="B14" s="29"/>
      <c r="C14" s="2" t="s">
        <v>50</v>
      </c>
      <c r="D14" s="19">
        <v>84</v>
      </c>
      <c r="E14" s="20">
        <v>70</v>
      </c>
      <c r="F14" s="21">
        <v>14</v>
      </c>
      <c r="G14" s="22" t="s">
        <v>152</v>
      </c>
    </row>
    <row r="15" spans="2:7" x14ac:dyDescent="0.2">
      <c r="B15" s="29"/>
      <c r="C15" s="7"/>
      <c r="D15" s="23">
        <v>100</v>
      </c>
      <c r="E15" s="24">
        <v>83.3</v>
      </c>
      <c r="F15" s="25">
        <v>16.7</v>
      </c>
      <c r="G15" s="26" t="s">
        <v>152</v>
      </c>
    </row>
    <row r="16" spans="2:7" x14ac:dyDescent="0.2">
      <c r="B16" s="29"/>
      <c r="C16" s="2" t="s">
        <v>49</v>
      </c>
      <c r="D16" s="19">
        <v>97</v>
      </c>
      <c r="E16" s="20">
        <v>86</v>
      </c>
      <c r="F16" s="21">
        <v>10</v>
      </c>
      <c r="G16" s="22">
        <v>1</v>
      </c>
    </row>
    <row r="17" spans="2:7" x14ac:dyDescent="0.2">
      <c r="B17" s="29"/>
      <c r="C17" s="7"/>
      <c r="D17" s="23">
        <v>100</v>
      </c>
      <c r="E17" s="24">
        <v>88.7</v>
      </c>
      <c r="F17" s="25">
        <v>10.3</v>
      </c>
      <c r="G17" s="26">
        <v>1</v>
      </c>
    </row>
    <row r="18" spans="2:7" x14ac:dyDescent="0.2">
      <c r="B18" s="29"/>
      <c r="C18" s="2" t="s">
        <v>48</v>
      </c>
      <c r="D18" s="19">
        <v>79</v>
      </c>
      <c r="E18" s="20">
        <v>67</v>
      </c>
      <c r="F18" s="21">
        <v>9</v>
      </c>
      <c r="G18" s="22">
        <v>3</v>
      </c>
    </row>
    <row r="19" spans="2:7" x14ac:dyDescent="0.2">
      <c r="B19" s="29"/>
      <c r="C19" s="7"/>
      <c r="D19" s="23">
        <v>100</v>
      </c>
      <c r="E19" s="24">
        <v>84.8</v>
      </c>
      <c r="F19" s="25">
        <v>11.4</v>
      </c>
      <c r="G19" s="26">
        <v>3.8</v>
      </c>
    </row>
    <row r="20" spans="2:7" x14ac:dyDescent="0.2">
      <c r="B20" s="29"/>
      <c r="C20" s="2" t="s">
        <v>47</v>
      </c>
      <c r="D20" s="19">
        <v>72</v>
      </c>
      <c r="E20" s="20">
        <v>65</v>
      </c>
      <c r="F20" s="21">
        <v>6</v>
      </c>
      <c r="G20" s="22">
        <v>1</v>
      </c>
    </row>
    <row r="21" spans="2:7" x14ac:dyDescent="0.2">
      <c r="B21" s="29"/>
      <c r="C21" s="7"/>
      <c r="D21" s="23">
        <v>100</v>
      </c>
      <c r="E21" s="24">
        <v>90.3</v>
      </c>
      <c r="F21" s="25">
        <v>8.3000000000000007</v>
      </c>
      <c r="G21" s="26">
        <v>1.4</v>
      </c>
    </row>
    <row r="22" spans="2:7" x14ac:dyDescent="0.2">
      <c r="B22" s="29"/>
      <c r="C22" s="2" t="s">
        <v>46</v>
      </c>
      <c r="D22" s="19">
        <v>15</v>
      </c>
      <c r="E22" s="20">
        <v>14</v>
      </c>
      <c r="F22" s="21">
        <v>1</v>
      </c>
      <c r="G22" s="22" t="s">
        <v>152</v>
      </c>
    </row>
    <row r="23" spans="2:7" x14ac:dyDescent="0.2">
      <c r="B23" s="29"/>
      <c r="C23" s="7"/>
      <c r="D23" s="23">
        <v>100</v>
      </c>
      <c r="E23" s="24">
        <v>93.3</v>
      </c>
      <c r="F23" s="25">
        <v>6.7</v>
      </c>
      <c r="G23" s="26" t="s">
        <v>152</v>
      </c>
    </row>
    <row r="24" spans="2:7" x14ac:dyDescent="0.2">
      <c r="B24" s="29"/>
      <c r="C24" s="2" t="s">
        <v>45</v>
      </c>
      <c r="D24" s="19">
        <v>77</v>
      </c>
      <c r="E24" s="20">
        <v>68</v>
      </c>
      <c r="F24" s="21">
        <v>7</v>
      </c>
      <c r="G24" s="22">
        <v>2</v>
      </c>
    </row>
    <row r="25" spans="2:7" x14ac:dyDescent="0.2">
      <c r="B25" s="29"/>
      <c r="C25" s="7"/>
      <c r="D25" s="23">
        <v>100</v>
      </c>
      <c r="E25" s="24">
        <v>88.3</v>
      </c>
      <c r="F25" s="25">
        <v>9.1</v>
      </c>
      <c r="G25" s="26">
        <v>2.6</v>
      </c>
    </row>
    <row r="26" spans="2:7" x14ac:dyDescent="0.2">
      <c r="B26" s="29"/>
      <c r="C26" s="2" t="s">
        <v>44</v>
      </c>
      <c r="D26" s="19">
        <v>260</v>
      </c>
      <c r="E26" s="20">
        <v>228</v>
      </c>
      <c r="F26" s="21">
        <v>17</v>
      </c>
      <c r="G26" s="22">
        <v>15</v>
      </c>
    </row>
    <row r="27" spans="2:7" x14ac:dyDescent="0.2">
      <c r="B27" s="29"/>
      <c r="C27" s="7"/>
      <c r="D27" s="23">
        <v>100</v>
      </c>
      <c r="E27" s="24">
        <v>87.7</v>
      </c>
      <c r="F27" s="25">
        <v>6.5</v>
      </c>
      <c r="G27" s="26">
        <v>5.8</v>
      </c>
    </row>
    <row r="28" spans="2:7" x14ac:dyDescent="0.2">
      <c r="B28" s="29"/>
      <c r="C28" s="2" t="s">
        <v>43</v>
      </c>
      <c r="D28" s="19">
        <v>334</v>
      </c>
      <c r="E28" s="20">
        <v>279</v>
      </c>
      <c r="F28" s="21">
        <v>35</v>
      </c>
      <c r="G28" s="22">
        <v>20</v>
      </c>
    </row>
    <row r="29" spans="2:7" x14ac:dyDescent="0.2">
      <c r="B29" s="29"/>
      <c r="C29" s="7"/>
      <c r="D29" s="23">
        <v>100</v>
      </c>
      <c r="E29" s="24">
        <v>83.5</v>
      </c>
      <c r="F29" s="25">
        <v>10.5</v>
      </c>
      <c r="G29" s="26">
        <v>6</v>
      </c>
    </row>
    <row r="30" spans="2:7" x14ac:dyDescent="0.2">
      <c r="B30" s="29"/>
      <c r="C30" s="2" t="s">
        <v>14</v>
      </c>
      <c r="D30" s="19">
        <v>28</v>
      </c>
      <c r="E30" s="20">
        <v>22</v>
      </c>
      <c r="F30" s="21">
        <v>5</v>
      </c>
      <c r="G30" s="22">
        <v>1</v>
      </c>
    </row>
    <row r="31" spans="2:7" x14ac:dyDescent="0.2">
      <c r="B31" s="29"/>
      <c r="C31" s="7"/>
      <c r="D31" s="23">
        <v>100</v>
      </c>
      <c r="E31" s="24">
        <v>78.599999999999994</v>
      </c>
      <c r="F31" s="25">
        <v>17.899999999999999</v>
      </c>
      <c r="G31" s="26">
        <v>3.6</v>
      </c>
    </row>
    <row r="32" spans="2:7" x14ac:dyDescent="0.2">
      <c r="B32" s="29"/>
      <c r="C32" s="2" t="s">
        <v>42</v>
      </c>
      <c r="D32" s="19">
        <v>390</v>
      </c>
      <c r="E32" s="20">
        <v>327</v>
      </c>
      <c r="F32" s="21">
        <v>49</v>
      </c>
      <c r="G32" s="22">
        <v>14</v>
      </c>
    </row>
    <row r="33" spans="2:7" x14ac:dyDescent="0.2">
      <c r="B33" s="29"/>
      <c r="C33" s="7"/>
      <c r="D33" s="23">
        <v>100</v>
      </c>
      <c r="E33" s="24">
        <v>83.8</v>
      </c>
      <c r="F33" s="25">
        <v>12.6</v>
      </c>
      <c r="G33" s="26">
        <v>3.6</v>
      </c>
    </row>
    <row r="34" spans="2:7" x14ac:dyDescent="0.2">
      <c r="B34" s="29"/>
      <c r="C34" s="2" t="s">
        <v>13</v>
      </c>
      <c r="D34" s="19">
        <v>70</v>
      </c>
      <c r="E34" s="20">
        <v>50</v>
      </c>
      <c r="F34" s="21">
        <v>7</v>
      </c>
      <c r="G34" s="22">
        <v>13</v>
      </c>
    </row>
    <row r="35" spans="2:7" x14ac:dyDescent="0.2">
      <c r="B35" s="30"/>
      <c r="C35" s="10"/>
      <c r="D35" s="15">
        <v>100</v>
      </c>
      <c r="E35" s="16">
        <v>71.400000000000006</v>
      </c>
      <c r="F35" s="17">
        <v>10</v>
      </c>
      <c r="G35" s="18">
        <v>18.600000000000001</v>
      </c>
    </row>
    <row r="36" spans="2:7" x14ac:dyDescent="0.2">
      <c r="B36" s="28" t="s">
        <v>53</v>
      </c>
      <c r="C36" s="9" t="s">
        <v>12</v>
      </c>
      <c r="D36" s="11">
        <v>1241</v>
      </c>
      <c r="E36" s="31">
        <v>1039</v>
      </c>
      <c r="F36" s="13">
        <v>140</v>
      </c>
      <c r="G36" s="14">
        <v>62</v>
      </c>
    </row>
    <row r="37" spans="2:7" x14ac:dyDescent="0.2">
      <c r="B37" s="29"/>
      <c r="C37" s="8"/>
      <c r="D37" s="15">
        <v>100</v>
      </c>
      <c r="E37" s="16">
        <v>83.7</v>
      </c>
      <c r="F37" s="17">
        <v>11.3</v>
      </c>
      <c r="G37" s="18">
        <v>5</v>
      </c>
    </row>
    <row r="38" spans="2:7" x14ac:dyDescent="0.2">
      <c r="B38" s="29"/>
      <c r="C38" s="2" t="s">
        <v>41</v>
      </c>
      <c r="D38" s="19">
        <v>799</v>
      </c>
      <c r="E38" s="20">
        <v>694</v>
      </c>
      <c r="F38" s="21">
        <v>84</v>
      </c>
      <c r="G38" s="22">
        <v>21</v>
      </c>
    </row>
    <row r="39" spans="2:7" x14ac:dyDescent="0.2">
      <c r="B39" s="29"/>
      <c r="C39" s="7"/>
      <c r="D39" s="23">
        <v>100</v>
      </c>
      <c r="E39" s="24">
        <v>86.9</v>
      </c>
      <c r="F39" s="25">
        <v>10.5</v>
      </c>
      <c r="G39" s="26">
        <v>2.6</v>
      </c>
    </row>
    <row r="40" spans="2:7" x14ac:dyDescent="0.2">
      <c r="B40" s="29"/>
      <c r="C40" s="2" t="s">
        <v>40</v>
      </c>
      <c r="D40" s="19">
        <v>182</v>
      </c>
      <c r="E40" s="20">
        <v>152</v>
      </c>
      <c r="F40" s="21">
        <v>19</v>
      </c>
      <c r="G40" s="22">
        <v>11</v>
      </c>
    </row>
    <row r="41" spans="2:7" x14ac:dyDescent="0.2">
      <c r="B41" s="29"/>
      <c r="C41" s="7"/>
      <c r="D41" s="23">
        <v>100</v>
      </c>
      <c r="E41" s="24">
        <v>83.5</v>
      </c>
      <c r="F41" s="25">
        <v>10.4</v>
      </c>
      <c r="G41" s="26">
        <v>6</v>
      </c>
    </row>
    <row r="42" spans="2:7" x14ac:dyDescent="0.2">
      <c r="B42" s="29"/>
      <c r="C42" s="2" t="s">
        <v>39</v>
      </c>
      <c r="D42" s="19">
        <v>72</v>
      </c>
      <c r="E42" s="20">
        <v>57</v>
      </c>
      <c r="F42" s="21">
        <v>8</v>
      </c>
      <c r="G42" s="22">
        <v>7</v>
      </c>
    </row>
    <row r="43" spans="2:7" x14ac:dyDescent="0.2">
      <c r="B43" s="29"/>
      <c r="C43" s="7"/>
      <c r="D43" s="23">
        <v>100</v>
      </c>
      <c r="E43" s="24">
        <v>79.2</v>
      </c>
      <c r="F43" s="25">
        <v>11.1</v>
      </c>
      <c r="G43" s="26">
        <v>9.6999999999999993</v>
      </c>
    </row>
    <row r="44" spans="2:7" x14ac:dyDescent="0.2">
      <c r="B44" s="29"/>
      <c r="C44" s="2" t="s">
        <v>38</v>
      </c>
      <c r="D44" s="19">
        <v>127</v>
      </c>
      <c r="E44" s="20">
        <v>94</v>
      </c>
      <c r="F44" s="21">
        <v>22</v>
      </c>
      <c r="G44" s="22">
        <v>11</v>
      </c>
    </row>
    <row r="45" spans="2:7" x14ac:dyDescent="0.2">
      <c r="B45" s="29"/>
      <c r="C45" s="7"/>
      <c r="D45" s="23">
        <v>100</v>
      </c>
      <c r="E45" s="24">
        <v>74</v>
      </c>
      <c r="F45" s="25">
        <v>17.3</v>
      </c>
      <c r="G45" s="26">
        <v>8.6999999999999993</v>
      </c>
    </row>
    <row r="46" spans="2:7" x14ac:dyDescent="0.2">
      <c r="B46" s="29"/>
      <c r="C46" s="2" t="s">
        <v>13</v>
      </c>
      <c r="D46" s="19">
        <v>61</v>
      </c>
      <c r="E46" s="20">
        <v>42</v>
      </c>
      <c r="F46" s="21">
        <v>7</v>
      </c>
      <c r="G46" s="22">
        <v>12</v>
      </c>
    </row>
    <row r="47" spans="2:7" x14ac:dyDescent="0.2">
      <c r="B47" s="30"/>
      <c r="C47" s="10"/>
      <c r="D47" s="15">
        <v>100</v>
      </c>
      <c r="E47" s="16">
        <v>68.900000000000006</v>
      </c>
      <c r="F47" s="17">
        <v>11.5</v>
      </c>
      <c r="G47" s="18">
        <v>19.7</v>
      </c>
    </row>
  </sheetData>
  <mergeCells count="3">
    <mergeCell ref="B4:B11"/>
    <mergeCell ref="B12:B35"/>
    <mergeCell ref="B36:B47"/>
  </mergeCells>
  <phoneticPr fontId="2"/>
  <pageMargins left="0.7" right="0.7" top="0.75" bottom="0.75" header="0.3" footer="0.3"/>
</worksheet>
</file>

<file path=xl/worksheets/sheet5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56</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489</v>
      </c>
      <c r="F4" s="13">
        <v>674</v>
      </c>
      <c r="G4" s="14">
        <v>78</v>
      </c>
    </row>
    <row r="5" spans="2:7" x14ac:dyDescent="0.2">
      <c r="B5" s="29"/>
      <c r="C5" s="8"/>
      <c r="D5" s="15">
        <v>100</v>
      </c>
      <c r="E5" s="16">
        <v>39.4</v>
      </c>
      <c r="F5" s="17">
        <v>54.3</v>
      </c>
      <c r="G5" s="18">
        <v>6.3</v>
      </c>
    </row>
    <row r="6" spans="2:7" x14ac:dyDescent="0.2">
      <c r="B6" s="29"/>
      <c r="C6" s="2" t="s">
        <v>30</v>
      </c>
      <c r="D6" s="19">
        <v>499</v>
      </c>
      <c r="E6" s="20">
        <v>213</v>
      </c>
      <c r="F6" s="21">
        <v>268</v>
      </c>
      <c r="G6" s="22">
        <v>18</v>
      </c>
    </row>
    <row r="7" spans="2:7" x14ac:dyDescent="0.2">
      <c r="B7" s="29"/>
      <c r="C7" s="7"/>
      <c r="D7" s="23">
        <v>100</v>
      </c>
      <c r="E7" s="24">
        <v>42.7</v>
      </c>
      <c r="F7" s="25">
        <v>53.7</v>
      </c>
      <c r="G7" s="26">
        <v>3.6</v>
      </c>
    </row>
    <row r="8" spans="2:7" x14ac:dyDescent="0.2">
      <c r="B8" s="29"/>
      <c r="C8" s="2" t="s">
        <v>29</v>
      </c>
      <c r="D8" s="19">
        <v>150</v>
      </c>
      <c r="E8" s="20">
        <v>58</v>
      </c>
      <c r="F8" s="21">
        <v>82</v>
      </c>
      <c r="G8" s="22">
        <v>10</v>
      </c>
    </row>
    <row r="9" spans="2:7" x14ac:dyDescent="0.2">
      <c r="B9" s="29"/>
      <c r="C9" s="7"/>
      <c r="D9" s="23">
        <v>100</v>
      </c>
      <c r="E9" s="24">
        <v>38.700000000000003</v>
      </c>
      <c r="F9" s="25">
        <v>54.7</v>
      </c>
      <c r="G9" s="26">
        <v>6.7</v>
      </c>
    </row>
    <row r="10" spans="2:7" x14ac:dyDescent="0.2">
      <c r="B10" s="29"/>
      <c r="C10" s="2" t="s">
        <v>28</v>
      </c>
      <c r="D10" s="19">
        <v>82</v>
      </c>
      <c r="E10" s="20">
        <v>29</v>
      </c>
      <c r="F10" s="21">
        <v>49</v>
      </c>
      <c r="G10" s="22">
        <v>4</v>
      </c>
    </row>
    <row r="11" spans="2:7" x14ac:dyDescent="0.2">
      <c r="B11" s="29"/>
      <c r="C11" s="7"/>
      <c r="D11" s="23">
        <v>100</v>
      </c>
      <c r="E11" s="24">
        <v>35.4</v>
      </c>
      <c r="F11" s="25">
        <v>59.8</v>
      </c>
      <c r="G11" s="26">
        <v>4.9000000000000004</v>
      </c>
    </row>
    <row r="12" spans="2:7" x14ac:dyDescent="0.2">
      <c r="B12" s="29"/>
      <c r="C12" s="2" t="s">
        <v>27</v>
      </c>
      <c r="D12" s="19">
        <v>92</v>
      </c>
      <c r="E12" s="20">
        <v>34</v>
      </c>
      <c r="F12" s="21">
        <v>51</v>
      </c>
      <c r="G12" s="22">
        <v>7</v>
      </c>
    </row>
    <row r="13" spans="2:7" x14ac:dyDescent="0.2">
      <c r="B13" s="29"/>
      <c r="C13" s="7"/>
      <c r="D13" s="23">
        <v>100</v>
      </c>
      <c r="E13" s="24">
        <v>37</v>
      </c>
      <c r="F13" s="25">
        <v>55.4</v>
      </c>
      <c r="G13" s="26">
        <v>7.6</v>
      </c>
    </row>
    <row r="14" spans="2:7" x14ac:dyDescent="0.2">
      <c r="B14" s="29"/>
      <c r="C14" s="2" t="s">
        <v>26</v>
      </c>
      <c r="D14" s="19">
        <v>112</v>
      </c>
      <c r="E14" s="20">
        <v>43</v>
      </c>
      <c r="F14" s="21">
        <v>57</v>
      </c>
      <c r="G14" s="22">
        <v>12</v>
      </c>
    </row>
    <row r="15" spans="2:7" x14ac:dyDescent="0.2">
      <c r="B15" s="29"/>
      <c r="C15" s="7"/>
      <c r="D15" s="23">
        <v>100</v>
      </c>
      <c r="E15" s="24">
        <v>38.4</v>
      </c>
      <c r="F15" s="25">
        <v>50.9</v>
      </c>
      <c r="G15" s="26">
        <v>10.7</v>
      </c>
    </row>
    <row r="16" spans="2:7" x14ac:dyDescent="0.2">
      <c r="B16" s="29"/>
      <c r="C16" s="2" t="s">
        <v>25</v>
      </c>
      <c r="D16" s="19">
        <v>188</v>
      </c>
      <c r="E16" s="20">
        <v>72</v>
      </c>
      <c r="F16" s="21">
        <v>104</v>
      </c>
      <c r="G16" s="22">
        <v>12</v>
      </c>
    </row>
    <row r="17" spans="2:7" x14ac:dyDescent="0.2">
      <c r="B17" s="29"/>
      <c r="C17" s="7"/>
      <c r="D17" s="23">
        <v>100</v>
      </c>
      <c r="E17" s="24">
        <v>38.299999999999997</v>
      </c>
      <c r="F17" s="25">
        <v>55.3</v>
      </c>
      <c r="G17" s="26">
        <v>6.4</v>
      </c>
    </row>
    <row r="18" spans="2:7" x14ac:dyDescent="0.2">
      <c r="B18" s="29"/>
      <c r="C18" s="2" t="s">
        <v>24</v>
      </c>
      <c r="D18" s="19">
        <v>60</v>
      </c>
      <c r="E18" s="20">
        <v>22</v>
      </c>
      <c r="F18" s="21">
        <v>34</v>
      </c>
      <c r="G18" s="22">
        <v>4</v>
      </c>
    </row>
    <row r="19" spans="2:7" x14ac:dyDescent="0.2">
      <c r="B19" s="29"/>
      <c r="C19" s="7"/>
      <c r="D19" s="23">
        <v>100</v>
      </c>
      <c r="E19" s="24">
        <v>36.700000000000003</v>
      </c>
      <c r="F19" s="25">
        <v>56.7</v>
      </c>
      <c r="G19" s="26">
        <v>6.7</v>
      </c>
    </row>
    <row r="20" spans="2:7" x14ac:dyDescent="0.2">
      <c r="B20" s="29"/>
      <c r="C20" s="2" t="s">
        <v>13</v>
      </c>
      <c r="D20" s="19">
        <v>58</v>
      </c>
      <c r="E20" s="20">
        <v>18</v>
      </c>
      <c r="F20" s="21">
        <v>29</v>
      </c>
      <c r="G20" s="22">
        <v>11</v>
      </c>
    </row>
    <row r="21" spans="2:7" x14ac:dyDescent="0.2">
      <c r="B21" s="30"/>
      <c r="C21" s="10"/>
      <c r="D21" s="15">
        <v>100</v>
      </c>
      <c r="E21" s="16">
        <v>31</v>
      </c>
      <c r="F21" s="17">
        <v>50</v>
      </c>
      <c r="G21" s="18">
        <v>19</v>
      </c>
    </row>
    <row r="22" spans="2:7" x14ac:dyDescent="0.2">
      <c r="B22" s="28" t="s">
        <v>35</v>
      </c>
      <c r="C22" s="9" t="s">
        <v>12</v>
      </c>
      <c r="D22" s="11">
        <v>1241</v>
      </c>
      <c r="E22" s="12">
        <v>489</v>
      </c>
      <c r="F22" s="13">
        <v>674</v>
      </c>
      <c r="G22" s="14">
        <v>78</v>
      </c>
    </row>
    <row r="23" spans="2:7" x14ac:dyDescent="0.2">
      <c r="B23" s="29"/>
      <c r="C23" s="8"/>
      <c r="D23" s="15">
        <v>100</v>
      </c>
      <c r="E23" s="16">
        <v>39.4</v>
      </c>
      <c r="F23" s="17">
        <v>54.3</v>
      </c>
      <c r="G23" s="18">
        <v>6.3</v>
      </c>
    </row>
    <row r="24" spans="2:7" x14ac:dyDescent="0.2">
      <c r="B24" s="29"/>
      <c r="C24" s="2" t="s">
        <v>23</v>
      </c>
      <c r="D24" s="19">
        <v>563</v>
      </c>
      <c r="E24" s="20">
        <v>244</v>
      </c>
      <c r="F24" s="21">
        <v>294</v>
      </c>
      <c r="G24" s="22">
        <v>25</v>
      </c>
    </row>
    <row r="25" spans="2:7" x14ac:dyDescent="0.2">
      <c r="B25" s="29"/>
      <c r="C25" s="7"/>
      <c r="D25" s="23">
        <v>100</v>
      </c>
      <c r="E25" s="24">
        <v>43.3</v>
      </c>
      <c r="F25" s="25">
        <v>52.2</v>
      </c>
      <c r="G25" s="26">
        <v>4.4000000000000004</v>
      </c>
    </row>
    <row r="26" spans="2:7" x14ac:dyDescent="0.2">
      <c r="B26" s="29"/>
      <c r="C26" s="2" t="s">
        <v>22</v>
      </c>
      <c r="D26" s="19">
        <v>607</v>
      </c>
      <c r="E26" s="20">
        <v>219</v>
      </c>
      <c r="F26" s="21">
        <v>346</v>
      </c>
      <c r="G26" s="22">
        <v>42</v>
      </c>
    </row>
    <row r="27" spans="2:7" x14ac:dyDescent="0.2">
      <c r="B27" s="29"/>
      <c r="C27" s="7"/>
      <c r="D27" s="23">
        <v>100</v>
      </c>
      <c r="E27" s="24">
        <v>36.1</v>
      </c>
      <c r="F27" s="25">
        <v>57</v>
      </c>
      <c r="G27" s="26">
        <v>6.9</v>
      </c>
    </row>
    <row r="28" spans="2:7" x14ac:dyDescent="0.2">
      <c r="B28" s="29"/>
      <c r="C28" s="2" t="s">
        <v>13</v>
      </c>
      <c r="D28" s="19">
        <v>71</v>
      </c>
      <c r="E28" s="20">
        <v>26</v>
      </c>
      <c r="F28" s="21">
        <v>34</v>
      </c>
      <c r="G28" s="22">
        <v>11</v>
      </c>
    </row>
    <row r="29" spans="2:7" x14ac:dyDescent="0.2">
      <c r="B29" s="30"/>
      <c r="C29" s="10"/>
      <c r="D29" s="15">
        <v>100</v>
      </c>
      <c r="E29" s="16">
        <v>36.6</v>
      </c>
      <c r="F29" s="17">
        <v>47.9</v>
      </c>
      <c r="G29" s="18">
        <v>15.5</v>
      </c>
    </row>
    <row r="30" spans="2:7" x14ac:dyDescent="0.2">
      <c r="B30" s="28" t="s">
        <v>34</v>
      </c>
      <c r="C30" s="9" t="s">
        <v>12</v>
      </c>
      <c r="D30" s="11">
        <v>1241</v>
      </c>
      <c r="E30" s="12">
        <v>489</v>
      </c>
      <c r="F30" s="13">
        <v>674</v>
      </c>
      <c r="G30" s="14">
        <v>78</v>
      </c>
    </row>
    <row r="31" spans="2:7" x14ac:dyDescent="0.2">
      <c r="B31" s="29"/>
      <c r="C31" s="8"/>
      <c r="D31" s="15">
        <v>100</v>
      </c>
      <c r="E31" s="16">
        <v>39.4</v>
      </c>
      <c r="F31" s="17">
        <v>54.3</v>
      </c>
      <c r="G31" s="18">
        <v>6.3</v>
      </c>
    </row>
    <row r="32" spans="2:7" x14ac:dyDescent="0.2">
      <c r="B32" s="29"/>
      <c r="C32" s="2" t="s">
        <v>76</v>
      </c>
      <c r="D32" s="19">
        <v>3</v>
      </c>
      <c r="E32" s="20">
        <v>1</v>
      </c>
      <c r="F32" s="21">
        <v>2</v>
      </c>
      <c r="G32" s="22" t="s">
        <v>152</v>
      </c>
    </row>
    <row r="33" spans="2:7" x14ac:dyDescent="0.2">
      <c r="B33" s="29"/>
      <c r="C33" s="7"/>
      <c r="D33" s="23">
        <v>100</v>
      </c>
      <c r="E33" s="24">
        <v>33.299999999999997</v>
      </c>
      <c r="F33" s="25">
        <v>66.7</v>
      </c>
      <c r="G33" s="26" t="s">
        <v>152</v>
      </c>
    </row>
    <row r="34" spans="2:7" x14ac:dyDescent="0.2">
      <c r="B34" s="29"/>
      <c r="C34" s="2" t="s">
        <v>78</v>
      </c>
      <c r="D34" s="19">
        <v>51</v>
      </c>
      <c r="E34" s="20">
        <v>22</v>
      </c>
      <c r="F34" s="21">
        <v>29</v>
      </c>
      <c r="G34" s="22" t="s">
        <v>152</v>
      </c>
    </row>
    <row r="35" spans="2:7" x14ac:dyDescent="0.2">
      <c r="B35" s="29"/>
      <c r="C35" s="7"/>
      <c r="D35" s="23">
        <v>100</v>
      </c>
      <c r="E35" s="24">
        <v>43.1</v>
      </c>
      <c r="F35" s="25">
        <v>56.9</v>
      </c>
      <c r="G35" s="26" t="s">
        <v>152</v>
      </c>
    </row>
    <row r="36" spans="2:7" x14ac:dyDescent="0.2">
      <c r="B36" s="29"/>
      <c r="C36" s="2" t="s">
        <v>147</v>
      </c>
      <c r="D36" s="19">
        <v>54</v>
      </c>
      <c r="E36" s="20">
        <v>23</v>
      </c>
      <c r="F36" s="21">
        <v>31</v>
      </c>
      <c r="G36" s="22" t="s">
        <v>152</v>
      </c>
    </row>
    <row r="37" spans="2:7" x14ac:dyDescent="0.2">
      <c r="B37" s="29"/>
      <c r="C37" s="7"/>
      <c r="D37" s="23">
        <v>100</v>
      </c>
      <c r="E37" s="24">
        <v>42.592592592592595</v>
      </c>
      <c r="F37" s="25">
        <v>57.407407407407405</v>
      </c>
      <c r="G37" s="26" t="s">
        <v>152</v>
      </c>
    </row>
    <row r="38" spans="2:7" x14ac:dyDescent="0.2">
      <c r="B38" s="29"/>
      <c r="C38" s="2" t="s">
        <v>80</v>
      </c>
      <c r="D38" s="19">
        <v>116</v>
      </c>
      <c r="E38" s="20">
        <v>49</v>
      </c>
      <c r="F38" s="21">
        <v>65</v>
      </c>
      <c r="G38" s="22">
        <v>2</v>
      </c>
    </row>
    <row r="39" spans="2:7" x14ac:dyDescent="0.2">
      <c r="B39" s="29"/>
      <c r="C39" s="7"/>
      <c r="D39" s="23">
        <v>100</v>
      </c>
      <c r="E39" s="24">
        <v>42.2</v>
      </c>
      <c r="F39" s="25">
        <v>56</v>
      </c>
      <c r="G39" s="26">
        <v>1.7</v>
      </c>
    </row>
    <row r="40" spans="2:7" x14ac:dyDescent="0.2">
      <c r="B40" s="29"/>
      <c r="C40" s="2" t="s">
        <v>82</v>
      </c>
      <c r="D40" s="19">
        <v>200</v>
      </c>
      <c r="E40" s="20">
        <v>80</v>
      </c>
      <c r="F40" s="21">
        <v>111</v>
      </c>
      <c r="G40" s="22">
        <v>9</v>
      </c>
    </row>
    <row r="41" spans="2:7" x14ac:dyDescent="0.2">
      <c r="B41" s="29"/>
      <c r="C41" s="7"/>
      <c r="D41" s="23">
        <v>100</v>
      </c>
      <c r="E41" s="24">
        <v>40</v>
      </c>
      <c r="F41" s="25">
        <v>55.5</v>
      </c>
      <c r="G41" s="26">
        <v>4.5</v>
      </c>
    </row>
    <row r="42" spans="2:7" x14ac:dyDescent="0.2">
      <c r="B42" s="29"/>
      <c r="C42" s="2" t="s">
        <v>84</v>
      </c>
      <c r="D42" s="19">
        <v>289</v>
      </c>
      <c r="E42" s="20">
        <v>125</v>
      </c>
      <c r="F42" s="21">
        <v>155</v>
      </c>
      <c r="G42" s="22">
        <v>9</v>
      </c>
    </row>
    <row r="43" spans="2:7" x14ac:dyDescent="0.2">
      <c r="B43" s="29"/>
      <c r="C43" s="7"/>
      <c r="D43" s="23">
        <v>100</v>
      </c>
      <c r="E43" s="24">
        <v>43.3</v>
      </c>
      <c r="F43" s="25">
        <v>53.6</v>
      </c>
      <c r="G43" s="26">
        <v>3.1</v>
      </c>
    </row>
    <row r="44" spans="2:7" x14ac:dyDescent="0.2">
      <c r="B44" s="29"/>
      <c r="C44" s="2" t="s">
        <v>86</v>
      </c>
      <c r="D44" s="19">
        <v>247</v>
      </c>
      <c r="E44" s="20">
        <v>97</v>
      </c>
      <c r="F44" s="21">
        <v>129</v>
      </c>
      <c r="G44" s="22">
        <v>21</v>
      </c>
    </row>
    <row r="45" spans="2:7" x14ac:dyDescent="0.2">
      <c r="B45" s="29"/>
      <c r="C45" s="7"/>
      <c r="D45" s="23">
        <v>100</v>
      </c>
      <c r="E45" s="24">
        <v>39.299999999999997</v>
      </c>
      <c r="F45" s="25">
        <v>52.2</v>
      </c>
      <c r="G45" s="26">
        <v>8.5</v>
      </c>
    </row>
    <row r="46" spans="2:7" x14ac:dyDescent="0.2">
      <c r="B46" s="29"/>
      <c r="C46" s="2" t="s">
        <v>88</v>
      </c>
      <c r="D46" s="19">
        <v>125</v>
      </c>
      <c r="E46" s="20">
        <v>42</v>
      </c>
      <c r="F46" s="21">
        <v>73</v>
      </c>
      <c r="G46" s="22">
        <v>10</v>
      </c>
    </row>
    <row r="47" spans="2:7" x14ac:dyDescent="0.2">
      <c r="B47" s="29"/>
      <c r="C47" s="7"/>
      <c r="D47" s="23">
        <v>100</v>
      </c>
      <c r="E47" s="24">
        <v>33.6</v>
      </c>
      <c r="F47" s="25">
        <v>58.4</v>
      </c>
      <c r="G47" s="26">
        <v>8</v>
      </c>
    </row>
    <row r="48" spans="2:7" x14ac:dyDescent="0.2">
      <c r="B48" s="29"/>
      <c r="C48" s="2" t="s">
        <v>90</v>
      </c>
      <c r="D48" s="19">
        <v>150</v>
      </c>
      <c r="E48" s="20">
        <v>54</v>
      </c>
      <c r="F48" s="21">
        <v>82</v>
      </c>
      <c r="G48" s="22">
        <v>14</v>
      </c>
    </row>
    <row r="49" spans="2:7" x14ac:dyDescent="0.2">
      <c r="B49" s="29"/>
      <c r="C49" s="7"/>
      <c r="D49" s="23">
        <v>100</v>
      </c>
      <c r="E49" s="24">
        <v>36</v>
      </c>
      <c r="F49" s="25">
        <v>54.7</v>
      </c>
      <c r="G49" s="26">
        <v>9.3000000000000007</v>
      </c>
    </row>
    <row r="50" spans="2:7" x14ac:dyDescent="0.2">
      <c r="B50" s="29"/>
      <c r="C50" s="2" t="s">
        <v>92</v>
      </c>
      <c r="D50" s="19">
        <v>60</v>
      </c>
      <c r="E50" s="20">
        <v>19</v>
      </c>
      <c r="F50" s="21">
        <v>28</v>
      </c>
      <c r="G50" s="22">
        <v>13</v>
      </c>
    </row>
    <row r="51" spans="2:7" x14ac:dyDescent="0.2">
      <c r="B51" s="29"/>
      <c r="C51" s="10"/>
      <c r="D51" s="23">
        <v>100</v>
      </c>
      <c r="E51" s="24">
        <v>31.7</v>
      </c>
      <c r="F51" s="25">
        <v>46.7</v>
      </c>
      <c r="G51" s="26">
        <v>21.7</v>
      </c>
    </row>
    <row r="52" spans="2:7" x14ac:dyDescent="0.2">
      <c r="B52" s="28" t="s">
        <v>33</v>
      </c>
      <c r="C52" s="9" t="s">
        <v>12</v>
      </c>
      <c r="D52" s="11">
        <v>1241</v>
      </c>
      <c r="E52" s="12">
        <v>489</v>
      </c>
      <c r="F52" s="13">
        <v>674</v>
      </c>
      <c r="G52" s="14">
        <v>78</v>
      </c>
    </row>
    <row r="53" spans="2:7" x14ac:dyDescent="0.2">
      <c r="B53" s="29"/>
      <c r="C53" s="8"/>
      <c r="D53" s="15">
        <v>100</v>
      </c>
      <c r="E53" s="16">
        <v>39.4</v>
      </c>
      <c r="F53" s="17">
        <v>54.3</v>
      </c>
      <c r="G53" s="18">
        <v>6.3</v>
      </c>
    </row>
    <row r="54" spans="2:7" x14ac:dyDescent="0.2">
      <c r="B54" s="29"/>
      <c r="C54" s="2" t="s">
        <v>57</v>
      </c>
      <c r="D54" s="19">
        <v>2</v>
      </c>
      <c r="E54" s="20">
        <v>1</v>
      </c>
      <c r="F54" s="21">
        <v>1</v>
      </c>
      <c r="G54" s="22" t="s">
        <v>152</v>
      </c>
    </row>
    <row r="55" spans="2:7" x14ac:dyDescent="0.2">
      <c r="B55" s="29"/>
      <c r="C55" s="7"/>
      <c r="D55" s="23">
        <v>100</v>
      </c>
      <c r="E55" s="24">
        <v>50</v>
      </c>
      <c r="F55" s="25">
        <v>50</v>
      </c>
      <c r="G55" s="26" t="s">
        <v>152</v>
      </c>
    </row>
    <row r="56" spans="2:7" x14ac:dyDescent="0.2">
      <c r="B56" s="29"/>
      <c r="C56" s="2" t="s">
        <v>63</v>
      </c>
      <c r="D56" s="19">
        <v>20</v>
      </c>
      <c r="E56" s="20">
        <v>6</v>
      </c>
      <c r="F56" s="21">
        <v>14</v>
      </c>
      <c r="G56" s="22" t="s">
        <v>152</v>
      </c>
    </row>
    <row r="57" spans="2:7" x14ac:dyDescent="0.2">
      <c r="B57" s="29"/>
      <c r="C57" s="7"/>
      <c r="D57" s="23">
        <v>100</v>
      </c>
      <c r="E57" s="24">
        <v>30</v>
      </c>
      <c r="F57" s="25">
        <v>70</v>
      </c>
      <c r="G57" s="26" t="s">
        <v>152</v>
      </c>
    </row>
    <row r="58" spans="2:7" x14ac:dyDescent="0.2">
      <c r="B58" s="29"/>
      <c r="C58" s="2" t="s">
        <v>148</v>
      </c>
      <c r="D58" s="19">
        <v>22</v>
      </c>
      <c r="E58" s="20">
        <v>7</v>
      </c>
      <c r="F58" s="21">
        <v>15</v>
      </c>
      <c r="G58" s="22" t="s">
        <v>152</v>
      </c>
    </row>
    <row r="59" spans="2:7" x14ac:dyDescent="0.2">
      <c r="B59" s="29"/>
      <c r="C59" s="7"/>
      <c r="D59" s="23">
        <v>100</v>
      </c>
      <c r="E59" s="24">
        <v>31.818181818181817</v>
      </c>
      <c r="F59" s="25">
        <v>68.181818181818173</v>
      </c>
      <c r="G59" s="26" t="s">
        <v>152</v>
      </c>
    </row>
    <row r="60" spans="2:7" x14ac:dyDescent="0.2">
      <c r="B60" s="29"/>
      <c r="C60" s="2" t="s">
        <v>64</v>
      </c>
      <c r="D60" s="19">
        <v>51</v>
      </c>
      <c r="E60" s="20">
        <v>19</v>
      </c>
      <c r="F60" s="21">
        <v>31</v>
      </c>
      <c r="G60" s="22">
        <v>1</v>
      </c>
    </row>
    <row r="61" spans="2:7" x14ac:dyDescent="0.2">
      <c r="B61" s="29"/>
      <c r="C61" s="7"/>
      <c r="D61" s="23">
        <v>100</v>
      </c>
      <c r="E61" s="24">
        <v>37.299999999999997</v>
      </c>
      <c r="F61" s="25">
        <v>60.8</v>
      </c>
      <c r="G61" s="26">
        <v>2</v>
      </c>
    </row>
    <row r="62" spans="2:7" x14ac:dyDescent="0.2">
      <c r="B62" s="29"/>
      <c r="C62" s="2" t="s">
        <v>65</v>
      </c>
      <c r="D62" s="19">
        <v>88</v>
      </c>
      <c r="E62" s="20">
        <v>42</v>
      </c>
      <c r="F62" s="21">
        <v>45</v>
      </c>
      <c r="G62" s="22">
        <v>1</v>
      </c>
    </row>
    <row r="63" spans="2:7" x14ac:dyDescent="0.2">
      <c r="B63" s="29"/>
      <c r="C63" s="7"/>
      <c r="D63" s="23">
        <v>100</v>
      </c>
      <c r="E63" s="24">
        <v>47.7</v>
      </c>
      <c r="F63" s="25">
        <v>51.1</v>
      </c>
      <c r="G63" s="26">
        <v>1.1000000000000001</v>
      </c>
    </row>
    <row r="64" spans="2:7" x14ac:dyDescent="0.2">
      <c r="B64" s="29"/>
      <c r="C64" s="2" t="s">
        <v>66</v>
      </c>
      <c r="D64" s="19">
        <v>146</v>
      </c>
      <c r="E64" s="20">
        <v>63</v>
      </c>
      <c r="F64" s="21">
        <v>78</v>
      </c>
      <c r="G64" s="22">
        <v>5</v>
      </c>
    </row>
    <row r="65" spans="2:7" x14ac:dyDescent="0.2">
      <c r="B65" s="29"/>
      <c r="C65" s="7"/>
      <c r="D65" s="23">
        <v>100</v>
      </c>
      <c r="E65" s="24">
        <v>43.2</v>
      </c>
      <c r="F65" s="25">
        <v>53.4</v>
      </c>
      <c r="G65" s="26">
        <v>3.4</v>
      </c>
    </row>
    <row r="66" spans="2:7" x14ac:dyDescent="0.2">
      <c r="B66" s="29"/>
      <c r="C66" s="2" t="s">
        <v>67</v>
      </c>
      <c r="D66" s="19">
        <v>133</v>
      </c>
      <c r="E66" s="20">
        <v>56</v>
      </c>
      <c r="F66" s="21">
        <v>69</v>
      </c>
      <c r="G66" s="22">
        <v>8</v>
      </c>
    </row>
    <row r="67" spans="2:7" x14ac:dyDescent="0.2">
      <c r="B67" s="29"/>
      <c r="C67" s="7"/>
      <c r="D67" s="23">
        <v>100</v>
      </c>
      <c r="E67" s="24">
        <v>42.1</v>
      </c>
      <c r="F67" s="25">
        <v>51.9</v>
      </c>
      <c r="G67" s="26">
        <v>6</v>
      </c>
    </row>
    <row r="68" spans="2:7" x14ac:dyDescent="0.2">
      <c r="B68" s="29"/>
      <c r="C68" s="2" t="s">
        <v>58</v>
      </c>
      <c r="D68" s="19">
        <v>57</v>
      </c>
      <c r="E68" s="20">
        <v>26</v>
      </c>
      <c r="F68" s="21">
        <v>27</v>
      </c>
      <c r="G68" s="22">
        <v>4</v>
      </c>
    </row>
    <row r="69" spans="2:7" x14ac:dyDescent="0.2">
      <c r="B69" s="29"/>
      <c r="C69" s="7"/>
      <c r="D69" s="23">
        <v>100</v>
      </c>
      <c r="E69" s="24">
        <v>45.6</v>
      </c>
      <c r="F69" s="25">
        <v>47.4</v>
      </c>
      <c r="G69" s="26">
        <v>7</v>
      </c>
    </row>
    <row r="70" spans="2:7" x14ac:dyDescent="0.2">
      <c r="B70" s="29"/>
      <c r="C70" s="2" t="s">
        <v>68</v>
      </c>
      <c r="D70" s="19">
        <v>65</v>
      </c>
      <c r="E70" s="20">
        <v>31</v>
      </c>
      <c r="F70" s="21">
        <v>29</v>
      </c>
      <c r="G70" s="22">
        <v>5</v>
      </c>
    </row>
    <row r="71" spans="2:7" x14ac:dyDescent="0.2">
      <c r="B71" s="29"/>
      <c r="C71" s="7"/>
      <c r="D71" s="23">
        <v>100</v>
      </c>
      <c r="E71" s="24">
        <v>47.7</v>
      </c>
      <c r="F71" s="25">
        <v>44.6</v>
      </c>
      <c r="G71" s="26">
        <v>7.7</v>
      </c>
    </row>
    <row r="72" spans="2:7" x14ac:dyDescent="0.2">
      <c r="B72" s="29"/>
      <c r="C72" s="2" t="s">
        <v>59</v>
      </c>
      <c r="D72" s="19">
        <v>1</v>
      </c>
      <c r="E72" s="20" t="s">
        <v>152</v>
      </c>
      <c r="F72" s="21">
        <v>1</v>
      </c>
      <c r="G72" s="22" t="s">
        <v>152</v>
      </c>
    </row>
    <row r="73" spans="2:7" x14ac:dyDescent="0.2">
      <c r="B73" s="29"/>
      <c r="C73" s="7"/>
      <c r="D73" s="23">
        <v>100</v>
      </c>
      <c r="E73" s="24" t="s">
        <v>152</v>
      </c>
      <c r="F73" s="25">
        <v>100</v>
      </c>
      <c r="G73" s="26" t="s">
        <v>152</v>
      </c>
    </row>
    <row r="74" spans="2:7" x14ac:dyDescent="0.2">
      <c r="B74" s="29"/>
      <c r="C74" s="2" t="s">
        <v>69</v>
      </c>
      <c r="D74" s="19">
        <v>29</v>
      </c>
      <c r="E74" s="20">
        <v>15</v>
      </c>
      <c r="F74" s="21">
        <v>14</v>
      </c>
      <c r="G74" s="22" t="s">
        <v>152</v>
      </c>
    </row>
    <row r="75" spans="2:7" x14ac:dyDescent="0.2">
      <c r="B75" s="29"/>
      <c r="C75" s="7"/>
      <c r="D75" s="23">
        <v>100</v>
      </c>
      <c r="E75" s="24">
        <v>51.7</v>
      </c>
      <c r="F75" s="25">
        <v>48.3</v>
      </c>
      <c r="G75" s="26" t="s">
        <v>152</v>
      </c>
    </row>
    <row r="76" spans="2:7" x14ac:dyDescent="0.2">
      <c r="B76" s="29"/>
      <c r="C76" s="2" t="s">
        <v>149</v>
      </c>
      <c r="D76" s="19">
        <v>30</v>
      </c>
      <c r="E76" s="20">
        <v>15</v>
      </c>
      <c r="F76" s="21">
        <v>15</v>
      </c>
      <c r="G76" s="22" t="s">
        <v>152</v>
      </c>
    </row>
    <row r="77" spans="2:7" x14ac:dyDescent="0.2">
      <c r="B77" s="29"/>
      <c r="C77" s="7"/>
      <c r="D77" s="23">
        <v>100</v>
      </c>
      <c r="E77" s="24">
        <v>50</v>
      </c>
      <c r="F77" s="25">
        <v>50</v>
      </c>
      <c r="G77" s="26" t="s">
        <v>152</v>
      </c>
    </row>
    <row r="78" spans="2:7" x14ac:dyDescent="0.2">
      <c r="B78" s="29"/>
      <c r="C78" s="2" t="s">
        <v>70</v>
      </c>
      <c r="D78" s="19">
        <v>64</v>
      </c>
      <c r="E78" s="20">
        <v>29</v>
      </c>
      <c r="F78" s="21">
        <v>34</v>
      </c>
      <c r="G78" s="22">
        <v>1</v>
      </c>
    </row>
    <row r="79" spans="2:7" x14ac:dyDescent="0.2">
      <c r="B79" s="29"/>
      <c r="C79" s="7"/>
      <c r="D79" s="23">
        <v>100</v>
      </c>
      <c r="E79" s="24">
        <v>45.3</v>
      </c>
      <c r="F79" s="25">
        <v>53.1</v>
      </c>
      <c r="G79" s="26">
        <v>1.6</v>
      </c>
    </row>
    <row r="80" spans="2:7" x14ac:dyDescent="0.2">
      <c r="B80" s="29"/>
      <c r="C80" s="2" t="s">
        <v>71</v>
      </c>
      <c r="D80" s="19">
        <v>112</v>
      </c>
      <c r="E80" s="20">
        <v>38</v>
      </c>
      <c r="F80" s="21">
        <v>66</v>
      </c>
      <c r="G80" s="22">
        <v>8</v>
      </c>
    </row>
    <row r="81" spans="2:7" x14ac:dyDescent="0.2">
      <c r="B81" s="29"/>
      <c r="C81" s="7"/>
      <c r="D81" s="23">
        <v>100</v>
      </c>
      <c r="E81" s="24">
        <v>33.9</v>
      </c>
      <c r="F81" s="25">
        <v>58.9</v>
      </c>
      <c r="G81" s="26">
        <v>7.1</v>
      </c>
    </row>
    <row r="82" spans="2:7" x14ac:dyDescent="0.2">
      <c r="B82" s="29"/>
      <c r="C82" s="2" t="s">
        <v>72</v>
      </c>
      <c r="D82" s="19">
        <v>137</v>
      </c>
      <c r="E82" s="20">
        <v>59</v>
      </c>
      <c r="F82" s="21">
        <v>74</v>
      </c>
      <c r="G82" s="22">
        <v>4</v>
      </c>
    </row>
    <row r="83" spans="2:7" x14ac:dyDescent="0.2">
      <c r="B83" s="29"/>
      <c r="C83" s="7"/>
      <c r="D83" s="23">
        <v>100</v>
      </c>
      <c r="E83" s="24">
        <v>43.1</v>
      </c>
      <c r="F83" s="25">
        <v>54</v>
      </c>
      <c r="G83" s="26">
        <v>2.9</v>
      </c>
    </row>
    <row r="84" spans="2:7" x14ac:dyDescent="0.2">
      <c r="B84" s="29"/>
      <c r="C84" s="2" t="s">
        <v>73</v>
      </c>
      <c r="D84" s="19">
        <v>112</v>
      </c>
      <c r="E84" s="20">
        <v>40</v>
      </c>
      <c r="F84" s="21">
        <v>59</v>
      </c>
      <c r="G84" s="22">
        <v>13</v>
      </c>
    </row>
    <row r="85" spans="2:7" x14ac:dyDescent="0.2">
      <c r="B85" s="29"/>
      <c r="C85" s="7"/>
      <c r="D85" s="23">
        <v>100</v>
      </c>
      <c r="E85" s="24">
        <v>35.700000000000003</v>
      </c>
      <c r="F85" s="25">
        <v>52.7</v>
      </c>
      <c r="G85" s="26">
        <v>11.6</v>
      </c>
    </row>
    <row r="86" spans="2:7" x14ac:dyDescent="0.2">
      <c r="B86" s="29"/>
      <c r="C86" s="2" t="s">
        <v>60</v>
      </c>
      <c r="D86" s="19">
        <v>66</v>
      </c>
      <c r="E86" s="20">
        <v>15</v>
      </c>
      <c r="F86" s="21">
        <v>45</v>
      </c>
      <c r="G86" s="22">
        <v>6</v>
      </c>
    </row>
    <row r="87" spans="2:7" x14ac:dyDescent="0.2">
      <c r="B87" s="29"/>
      <c r="C87" s="7"/>
      <c r="D87" s="23">
        <v>100</v>
      </c>
      <c r="E87" s="24">
        <v>22.7</v>
      </c>
      <c r="F87" s="25">
        <v>68.2</v>
      </c>
      <c r="G87" s="26">
        <v>9.1</v>
      </c>
    </row>
    <row r="88" spans="2:7" x14ac:dyDescent="0.2">
      <c r="B88" s="29"/>
      <c r="C88" s="2" t="s">
        <v>74</v>
      </c>
      <c r="D88" s="19">
        <v>83</v>
      </c>
      <c r="E88" s="20">
        <v>22</v>
      </c>
      <c r="F88" s="21">
        <v>52</v>
      </c>
      <c r="G88" s="22">
        <v>9</v>
      </c>
    </row>
    <row r="89" spans="2:7" x14ac:dyDescent="0.2">
      <c r="B89" s="29"/>
      <c r="C89" s="7"/>
      <c r="D89" s="23">
        <v>100</v>
      </c>
      <c r="E89" s="24">
        <v>26.5</v>
      </c>
      <c r="F89" s="25">
        <v>62.7</v>
      </c>
      <c r="G89" s="26">
        <v>10.8</v>
      </c>
    </row>
    <row r="90" spans="2:7" x14ac:dyDescent="0.2">
      <c r="B90" s="29"/>
      <c r="C90" s="2" t="s">
        <v>0</v>
      </c>
      <c r="D90" s="19">
        <v>75</v>
      </c>
      <c r="E90" s="20">
        <v>27</v>
      </c>
      <c r="F90" s="21">
        <v>35</v>
      </c>
      <c r="G90" s="22">
        <v>13</v>
      </c>
    </row>
    <row r="91" spans="2:7" x14ac:dyDescent="0.2">
      <c r="B91" s="29"/>
      <c r="C91" s="7"/>
      <c r="D91" s="23">
        <v>100</v>
      </c>
      <c r="E91" s="24">
        <v>36</v>
      </c>
      <c r="F91" s="25">
        <v>46.7</v>
      </c>
      <c r="G91" s="26">
        <v>17.3</v>
      </c>
    </row>
    <row r="92" spans="2:7" x14ac:dyDescent="0.2">
      <c r="B92" s="28" t="s">
        <v>32</v>
      </c>
      <c r="C92" s="9" t="s">
        <v>12</v>
      </c>
      <c r="D92" s="11">
        <v>1241</v>
      </c>
      <c r="E92" s="12">
        <v>489</v>
      </c>
      <c r="F92" s="13">
        <v>674</v>
      </c>
      <c r="G92" s="14">
        <v>78</v>
      </c>
    </row>
    <row r="93" spans="2:7" x14ac:dyDescent="0.2">
      <c r="B93" s="29"/>
      <c r="C93" s="8"/>
      <c r="D93" s="15">
        <v>100</v>
      </c>
      <c r="E93" s="16">
        <v>39.4</v>
      </c>
      <c r="F93" s="17">
        <v>54.3</v>
      </c>
      <c r="G93" s="18">
        <v>6.3</v>
      </c>
    </row>
    <row r="94" spans="2:7" x14ac:dyDescent="0.2">
      <c r="B94" s="29"/>
      <c r="C94" s="2" t="s">
        <v>21</v>
      </c>
      <c r="D94" s="19">
        <v>65</v>
      </c>
      <c r="E94" s="20">
        <v>27</v>
      </c>
      <c r="F94" s="21">
        <v>34</v>
      </c>
      <c r="G94" s="22">
        <v>4</v>
      </c>
    </row>
    <row r="95" spans="2:7" x14ac:dyDescent="0.2">
      <c r="B95" s="29"/>
      <c r="C95" s="7"/>
      <c r="D95" s="23">
        <v>100</v>
      </c>
      <c r="E95" s="24">
        <v>41.5</v>
      </c>
      <c r="F95" s="25">
        <v>52.3</v>
      </c>
      <c r="G95" s="26">
        <v>6.2</v>
      </c>
    </row>
    <row r="96" spans="2:7" x14ac:dyDescent="0.2">
      <c r="B96" s="29"/>
      <c r="C96" s="2" t="s">
        <v>20</v>
      </c>
      <c r="D96" s="19">
        <v>7</v>
      </c>
      <c r="E96" s="20">
        <v>3</v>
      </c>
      <c r="F96" s="21">
        <v>4</v>
      </c>
      <c r="G96" s="22" t="s">
        <v>152</v>
      </c>
    </row>
    <row r="97" spans="2:7" x14ac:dyDescent="0.2">
      <c r="B97" s="29"/>
      <c r="C97" s="7"/>
      <c r="D97" s="23">
        <v>100</v>
      </c>
      <c r="E97" s="24">
        <v>42.9</v>
      </c>
      <c r="F97" s="25">
        <v>57.1</v>
      </c>
      <c r="G97" s="26" t="s">
        <v>152</v>
      </c>
    </row>
    <row r="98" spans="2:7" x14ac:dyDescent="0.2">
      <c r="B98" s="29"/>
      <c r="C98" s="2" t="s">
        <v>19</v>
      </c>
      <c r="D98" s="19">
        <v>484</v>
      </c>
      <c r="E98" s="20">
        <v>212</v>
      </c>
      <c r="F98" s="21">
        <v>256</v>
      </c>
      <c r="G98" s="22">
        <v>16</v>
      </c>
    </row>
    <row r="99" spans="2:7" x14ac:dyDescent="0.2">
      <c r="B99" s="29"/>
      <c r="C99" s="7"/>
      <c r="D99" s="23">
        <v>100</v>
      </c>
      <c r="E99" s="24">
        <v>43.8</v>
      </c>
      <c r="F99" s="25">
        <v>52.9</v>
      </c>
      <c r="G99" s="26">
        <v>3.3</v>
      </c>
    </row>
    <row r="100" spans="2:7" x14ac:dyDescent="0.2">
      <c r="B100" s="29"/>
      <c r="C100" s="2" t="s">
        <v>18</v>
      </c>
      <c r="D100" s="19">
        <v>195</v>
      </c>
      <c r="E100" s="20">
        <v>73</v>
      </c>
      <c r="F100" s="21">
        <v>111</v>
      </c>
      <c r="G100" s="22">
        <v>11</v>
      </c>
    </row>
    <row r="101" spans="2:7" x14ac:dyDescent="0.2">
      <c r="B101" s="29"/>
      <c r="C101" s="7"/>
      <c r="D101" s="23">
        <v>100</v>
      </c>
      <c r="E101" s="24">
        <v>37.4</v>
      </c>
      <c r="F101" s="25">
        <v>56.9</v>
      </c>
      <c r="G101" s="26">
        <v>5.6</v>
      </c>
    </row>
    <row r="102" spans="2:7" x14ac:dyDescent="0.2">
      <c r="B102" s="29"/>
      <c r="C102" s="2" t="s">
        <v>17</v>
      </c>
      <c r="D102" s="19">
        <v>1</v>
      </c>
      <c r="E102" s="20" t="s">
        <v>152</v>
      </c>
      <c r="F102" s="21">
        <v>1</v>
      </c>
      <c r="G102" s="22" t="s">
        <v>152</v>
      </c>
    </row>
    <row r="103" spans="2:7" x14ac:dyDescent="0.2">
      <c r="B103" s="29"/>
      <c r="C103" s="7"/>
      <c r="D103" s="23">
        <v>100</v>
      </c>
      <c r="E103" s="24" t="s">
        <v>152</v>
      </c>
      <c r="F103" s="25">
        <v>100</v>
      </c>
      <c r="G103" s="26" t="s">
        <v>152</v>
      </c>
    </row>
    <row r="104" spans="2:7" x14ac:dyDescent="0.2">
      <c r="B104" s="29"/>
      <c r="C104" s="2" t="s">
        <v>151</v>
      </c>
      <c r="D104" s="19">
        <v>178</v>
      </c>
      <c r="E104" s="20">
        <v>65</v>
      </c>
      <c r="F104" s="21">
        <v>100</v>
      </c>
      <c r="G104" s="22">
        <v>13</v>
      </c>
    </row>
    <row r="105" spans="2:7" x14ac:dyDescent="0.2">
      <c r="B105" s="29"/>
      <c r="C105" s="7"/>
      <c r="D105" s="23">
        <v>100</v>
      </c>
      <c r="E105" s="24">
        <v>36.5</v>
      </c>
      <c r="F105" s="25">
        <v>56.2</v>
      </c>
      <c r="G105" s="26">
        <v>7.3</v>
      </c>
    </row>
    <row r="106" spans="2:7" x14ac:dyDescent="0.2">
      <c r="B106" s="29"/>
      <c r="C106" s="2" t="s">
        <v>16</v>
      </c>
      <c r="D106" s="19">
        <v>10</v>
      </c>
      <c r="E106" s="20">
        <v>5</v>
      </c>
      <c r="F106" s="21">
        <v>5</v>
      </c>
      <c r="G106" s="22" t="s">
        <v>152</v>
      </c>
    </row>
    <row r="107" spans="2:7" x14ac:dyDescent="0.2">
      <c r="B107" s="29"/>
      <c r="C107" s="7"/>
      <c r="D107" s="23">
        <v>100</v>
      </c>
      <c r="E107" s="24">
        <v>50</v>
      </c>
      <c r="F107" s="25">
        <v>50</v>
      </c>
      <c r="G107" s="26" t="s">
        <v>152</v>
      </c>
    </row>
    <row r="108" spans="2:7" x14ac:dyDescent="0.2">
      <c r="B108" s="29"/>
      <c r="C108" s="2" t="s">
        <v>15</v>
      </c>
      <c r="D108" s="19">
        <v>211</v>
      </c>
      <c r="E108" s="20">
        <v>72</v>
      </c>
      <c r="F108" s="21">
        <v>123</v>
      </c>
      <c r="G108" s="22">
        <v>16</v>
      </c>
    </row>
    <row r="109" spans="2:7" x14ac:dyDescent="0.2">
      <c r="B109" s="29"/>
      <c r="C109" s="7"/>
      <c r="D109" s="23">
        <v>100</v>
      </c>
      <c r="E109" s="24">
        <v>34.1</v>
      </c>
      <c r="F109" s="25">
        <v>58.3</v>
      </c>
      <c r="G109" s="26">
        <v>7.6</v>
      </c>
    </row>
    <row r="110" spans="2:7" x14ac:dyDescent="0.2">
      <c r="B110" s="29"/>
      <c r="C110" s="2" t="s">
        <v>14</v>
      </c>
      <c r="D110" s="19">
        <v>12</v>
      </c>
      <c r="E110" s="20">
        <v>6</v>
      </c>
      <c r="F110" s="21">
        <v>5</v>
      </c>
      <c r="G110" s="22">
        <v>1</v>
      </c>
    </row>
    <row r="111" spans="2:7" x14ac:dyDescent="0.2">
      <c r="B111" s="29"/>
      <c r="C111" s="7"/>
      <c r="D111" s="23">
        <v>100</v>
      </c>
      <c r="E111" s="24">
        <v>50</v>
      </c>
      <c r="F111" s="25">
        <v>41.7</v>
      </c>
      <c r="G111" s="26">
        <v>8.3000000000000007</v>
      </c>
    </row>
    <row r="112" spans="2:7" x14ac:dyDescent="0.2">
      <c r="B112" s="29"/>
      <c r="C112" s="2" t="s">
        <v>13</v>
      </c>
      <c r="D112" s="19">
        <v>78</v>
      </c>
      <c r="E112" s="20">
        <v>26</v>
      </c>
      <c r="F112" s="21">
        <v>35</v>
      </c>
      <c r="G112" s="22">
        <v>17</v>
      </c>
    </row>
    <row r="113" spans="2:7" x14ac:dyDescent="0.2">
      <c r="B113" s="30"/>
      <c r="C113" s="10"/>
      <c r="D113" s="15">
        <v>100</v>
      </c>
      <c r="E113" s="16">
        <v>33.299999999999997</v>
      </c>
      <c r="F113" s="17">
        <v>44.9</v>
      </c>
      <c r="G113" s="18">
        <v>21.8</v>
      </c>
    </row>
    <row r="114" spans="2:7" x14ac:dyDescent="0.2">
      <c r="B114" s="28" t="s">
        <v>31</v>
      </c>
      <c r="C114" s="9" t="s">
        <v>12</v>
      </c>
      <c r="D114" s="11">
        <v>752</v>
      </c>
      <c r="E114" s="12">
        <v>315</v>
      </c>
      <c r="F114" s="13">
        <v>406</v>
      </c>
      <c r="G114" s="14">
        <v>31</v>
      </c>
    </row>
    <row r="115" spans="2:7" x14ac:dyDescent="0.2">
      <c r="B115" s="29"/>
      <c r="C115" s="8"/>
      <c r="D115" s="15">
        <v>100</v>
      </c>
      <c r="E115" s="16">
        <v>41.9</v>
      </c>
      <c r="F115" s="17">
        <v>54</v>
      </c>
      <c r="G115" s="18">
        <v>4.0999999999999996</v>
      </c>
    </row>
    <row r="116" spans="2:7" x14ac:dyDescent="0.2">
      <c r="B116" s="29"/>
      <c r="C116" s="2" t="s">
        <v>11</v>
      </c>
      <c r="D116" s="19">
        <v>2</v>
      </c>
      <c r="E116" s="20">
        <v>1</v>
      </c>
      <c r="F116" s="21">
        <v>1</v>
      </c>
      <c r="G116" s="22" t="s">
        <v>152</v>
      </c>
    </row>
    <row r="117" spans="2:7" x14ac:dyDescent="0.2">
      <c r="B117" s="29"/>
      <c r="C117" s="7"/>
      <c r="D117" s="23">
        <v>100</v>
      </c>
      <c r="E117" s="24">
        <v>50</v>
      </c>
      <c r="F117" s="25">
        <v>50</v>
      </c>
      <c r="G117" s="26" t="s">
        <v>152</v>
      </c>
    </row>
    <row r="118" spans="2:7" x14ac:dyDescent="0.2">
      <c r="B118" s="29"/>
      <c r="C118" s="2" t="s">
        <v>10</v>
      </c>
      <c r="D118" s="19">
        <v>32</v>
      </c>
      <c r="E118" s="20">
        <v>14</v>
      </c>
      <c r="F118" s="21">
        <v>16</v>
      </c>
      <c r="G118" s="22">
        <v>2</v>
      </c>
    </row>
    <row r="119" spans="2:7" x14ac:dyDescent="0.2">
      <c r="B119" s="29"/>
      <c r="C119" s="7"/>
      <c r="D119" s="23">
        <v>100</v>
      </c>
      <c r="E119" s="24">
        <v>43.8</v>
      </c>
      <c r="F119" s="25">
        <v>50</v>
      </c>
      <c r="G119" s="26">
        <v>6.3</v>
      </c>
    </row>
    <row r="120" spans="2:7" x14ac:dyDescent="0.2">
      <c r="B120" s="29"/>
      <c r="C120" s="2" t="s">
        <v>9</v>
      </c>
      <c r="D120" s="19">
        <v>33</v>
      </c>
      <c r="E120" s="20">
        <v>14</v>
      </c>
      <c r="F120" s="21">
        <v>17</v>
      </c>
      <c r="G120" s="22">
        <v>2</v>
      </c>
    </row>
    <row r="121" spans="2:7" x14ac:dyDescent="0.2">
      <c r="B121" s="29"/>
      <c r="C121" s="7"/>
      <c r="D121" s="23">
        <v>100</v>
      </c>
      <c r="E121" s="24">
        <v>42.4</v>
      </c>
      <c r="F121" s="25">
        <v>51.5</v>
      </c>
      <c r="G121" s="26">
        <v>6.1</v>
      </c>
    </row>
    <row r="122" spans="2:7" x14ac:dyDescent="0.2">
      <c r="B122" s="29"/>
      <c r="C122" s="2" t="s">
        <v>8</v>
      </c>
      <c r="D122" s="19">
        <v>71</v>
      </c>
      <c r="E122" s="20">
        <v>38</v>
      </c>
      <c r="F122" s="21">
        <v>32</v>
      </c>
      <c r="G122" s="22">
        <v>1</v>
      </c>
    </row>
    <row r="123" spans="2:7" x14ac:dyDescent="0.2">
      <c r="B123" s="29"/>
      <c r="C123" s="7"/>
      <c r="D123" s="23">
        <v>100</v>
      </c>
      <c r="E123" s="24">
        <v>53.5</v>
      </c>
      <c r="F123" s="25">
        <v>45.1</v>
      </c>
      <c r="G123" s="26">
        <v>1.4</v>
      </c>
    </row>
    <row r="124" spans="2:7" x14ac:dyDescent="0.2">
      <c r="B124" s="29"/>
      <c r="C124" s="2" t="s">
        <v>7</v>
      </c>
      <c r="D124" s="19">
        <v>152</v>
      </c>
      <c r="E124" s="20">
        <v>56</v>
      </c>
      <c r="F124" s="21">
        <v>89</v>
      </c>
      <c r="G124" s="22">
        <v>7</v>
      </c>
    </row>
    <row r="125" spans="2:7" x14ac:dyDescent="0.2">
      <c r="B125" s="29"/>
      <c r="C125" s="7"/>
      <c r="D125" s="23">
        <v>100</v>
      </c>
      <c r="E125" s="24">
        <v>36.799999999999997</v>
      </c>
      <c r="F125" s="25">
        <v>58.6</v>
      </c>
      <c r="G125" s="26">
        <v>4.5999999999999996</v>
      </c>
    </row>
    <row r="126" spans="2:7" x14ac:dyDescent="0.2">
      <c r="B126" s="29"/>
      <c r="C126" s="2" t="s">
        <v>6</v>
      </c>
      <c r="D126" s="19">
        <v>176</v>
      </c>
      <c r="E126" s="20">
        <v>85</v>
      </c>
      <c r="F126" s="21">
        <v>82</v>
      </c>
      <c r="G126" s="22">
        <v>9</v>
      </c>
    </row>
    <row r="127" spans="2:7" x14ac:dyDescent="0.2">
      <c r="B127" s="29"/>
      <c r="C127" s="7"/>
      <c r="D127" s="23">
        <v>100</v>
      </c>
      <c r="E127" s="24">
        <v>48.3</v>
      </c>
      <c r="F127" s="25">
        <v>46.6</v>
      </c>
      <c r="G127" s="26">
        <v>5.0999999999999996</v>
      </c>
    </row>
    <row r="128" spans="2:7" x14ac:dyDescent="0.2">
      <c r="B128" s="29"/>
      <c r="C128" s="2" t="s">
        <v>5</v>
      </c>
      <c r="D128" s="19">
        <v>37</v>
      </c>
      <c r="E128" s="20">
        <v>14</v>
      </c>
      <c r="F128" s="21">
        <v>22</v>
      </c>
      <c r="G128" s="22">
        <v>1</v>
      </c>
    </row>
    <row r="129" spans="2:7" x14ac:dyDescent="0.2">
      <c r="B129" s="29"/>
      <c r="C129" s="7"/>
      <c r="D129" s="23">
        <v>100</v>
      </c>
      <c r="E129" s="24">
        <v>37.799999999999997</v>
      </c>
      <c r="F129" s="25">
        <v>59.5</v>
      </c>
      <c r="G129" s="26">
        <v>2.7</v>
      </c>
    </row>
    <row r="130" spans="2:7" x14ac:dyDescent="0.2">
      <c r="B130" s="29"/>
      <c r="C130" s="2" t="s">
        <v>4</v>
      </c>
      <c r="D130" s="19">
        <v>67</v>
      </c>
      <c r="E130" s="20">
        <v>27</v>
      </c>
      <c r="F130" s="21">
        <v>40</v>
      </c>
      <c r="G130" s="22" t="s">
        <v>152</v>
      </c>
    </row>
    <row r="131" spans="2:7" x14ac:dyDescent="0.2">
      <c r="B131" s="29"/>
      <c r="C131" s="7"/>
      <c r="D131" s="23">
        <v>100</v>
      </c>
      <c r="E131" s="24">
        <v>40.299999999999997</v>
      </c>
      <c r="F131" s="25">
        <v>59.7</v>
      </c>
      <c r="G131" s="26" t="s">
        <v>152</v>
      </c>
    </row>
    <row r="132" spans="2:7" x14ac:dyDescent="0.2">
      <c r="B132" s="29"/>
      <c r="C132" s="2" t="s">
        <v>3</v>
      </c>
      <c r="D132" s="19">
        <v>159</v>
      </c>
      <c r="E132" s="20">
        <v>56</v>
      </c>
      <c r="F132" s="21">
        <v>95</v>
      </c>
      <c r="G132" s="22">
        <v>8</v>
      </c>
    </row>
    <row r="133" spans="2:7" x14ac:dyDescent="0.2">
      <c r="B133" s="29"/>
      <c r="C133" s="7"/>
      <c r="D133" s="23">
        <v>100</v>
      </c>
      <c r="E133" s="24">
        <v>35.200000000000003</v>
      </c>
      <c r="F133" s="25">
        <v>59.7</v>
      </c>
      <c r="G133" s="26">
        <v>5</v>
      </c>
    </row>
    <row r="134" spans="2:7" x14ac:dyDescent="0.2">
      <c r="B134" s="29"/>
      <c r="C134" s="2" t="s">
        <v>2</v>
      </c>
      <c r="D134" s="19">
        <v>23</v>
      </c>
      <c r="E134" s="20">
        <v>10</v>
      </c>
      <c r="F134" s="21">
        <v>12</v>
      </c>
      <c r="G134" s="22">
        <v>1</v>
      </c>
    </row>
    <row r="135" spans="2:7" x14ac:dyDescent="0.2">
      <c r="B135" s="30"/>
      <c r="C135" s="10"/>
      <c r="D135" s="15">
        <v>100</v>
      </c>
      <c r="E135" s="16">
        <v>43.5</v>
      </c>
      <c r="F135" s="17">
        <v>52.2</v>
      </c>
      <c r="G135" s="18">
        <v>4.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83</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551</v>
      </c>
      <c r="F4" s="13">
        <v>629</v>
      </c>
      <c r="G4" s="14">
        <v>61</v>
      </c>
    </row>
    <row r="5" spans="2:7" x14ac:dyDescent="0.2">
      <c r="B5" s="29"/>
      <c r="C5" s="8"/>
      <c r="D5" s="15">
        <v>100</v>
      </c>
      <c r="E5" s="16">
        <v>44.4</v>
      </c>
      <c r="F5" s="17">
        <v>50.7</v>
      </c>
      <c r="G5" s="18">
        <v>4.9000000000000004</v>
      </c>
    </row>
    <row r="6" spans="2:7" x14ac:dyDescent="0.2">
      <c r="B6" s="29"/>
      <c r="C6" s="2" t="s">
        <v>52</v>
      </c>
      <c r="D6" s="19">
        <v>557</v>
      </c>
      <c r="E6" s="20">
        <v>245</v>
      </c>
      <c r="F6" s="21">
        <v>279</v>
      </c>
      <c r="G6" s="22">
        <v>33</v>
      </c>
    </row>
    <row r="7" spans="2:7" x14ac:dyDescent="0.2">
      <c r="B7" s="29"/>
      <c r="C7" s="7"/>
      <c r="D7" s="23">
        <v>100</v>
      </c>
      <c r="E7" s="24">
        <v>44</v>
      </c>
      <c r="F7" s="25">
        <v>50.1</v>
      </c>
      <c r="G7" s="26">
        <v>5.9</v>
      </c>
    </row>
    <row r="8" spans="2:7" x14ac:dyDescent="0.2">
      <c r="B8" s="29"/>
      <c r="C8" s="2" t="s">
        <v>51</v>
      </c>
      <c r="D8" s="19">
        <v>595</v>
      </c>
      <c r="E8" s="20">
        <v>273</v>
      </c>
      <c r="F8" s="21">
        <v>307</v>
      </c>
      <c r="G8" s="22">
        <v>15</v>
      </c>
    </row>
    <row r="9" spans="2:7" x14ac:dyDescent="0.2">
      <c r="B9" s="29"/>
      <c r="C9" s="7"/>
      <c r="D9" s="23">
        <v>100</v>
      </c>
      <c r="E9" s="24">
        <v>45.9</v>
      </c>
      <c r="F9" s="25">
        <v>51.6</v>
      </c>
      <c r="G9" s="26">
        <v>2.5</v>
      </c>
    </row>
    <row r="10" spans="2:7" x14ac:dyDescent="0.2">
      <c r="B10" s="29"/>
      <c r="C10" s="2" t="s">
        <v>13</v>
      </c>
      <c r="D10" s="19">
        <v>89</v>
      </c>
      <c r="E10" s="20">
        <v>33</v>
      </c>
      <c r="F10" s="21">
        <v>43</v>
      </c>
      <c r="G10" s="22">
        <v>13</v>
      </c>
    </row>
    <row r="11" spans="2:7" x14ac:dyDescent="0.2">
      <c r="B11" s="30"/>
      <c r="C11" s="10"/>
      <c r="D11" s="15">
        <v>100</v>
      </c>
      <c r="E11" s="16">
        <v>37.1</v>
      </c>
      <c r="F11" s="17">
        <v>48.3</v>
      </c>
      <c r="G11" s="18">
        <v>14.6</v>
      </c>
    </row>
    <row r="12" spans="2:7" x14ac:dyDescent="0.2">
      <c r="B12" s="28" t="s">
        <v>54</v>
      </c>
      <c r="C12" s="9" t="s">
        <v>12</v>
      </c>
      <c r="D12" s="11">
        <v>1241</v>
      </c>
      <c r="E12" s="12">
        <v>551</v>
      </c>
      <c r="F12" s="13">
        <v>629</v>
      </c>
      <c r="G12" s="14">
        <v>61</v>
      </c>
    </row>
    <row r="13" spans="2:7" x14ac:dyDescent="0.2">
      <c r="B13" s="29"/>
      <c r="C13" s="8"/>
      <c r="D13" s="15">
        <v>100</v>
      </c>
      <c r="E13" s="16">
        <v>44.4</v>
      </c>
      <c r="F13" s="17">
        <v>50.7</v>
      </c>
      <c r="G13" s="18">
        <v>4.9000000000000004</v>
      </c>
    </row>
    <row r="14" spans="2:7" x14ac:dyDescent="0.2">
      <c r="B14" s="29"/>
      <c r="C14" s="2" t="s">
        <v>50</v>
      </c>
      <c r="D14" s="19">
        <v>84</v>
      </c>
      <c r="E14" s="20">
        <v>43</v>
      </c>
      <c r="F14" s="21">
        <v>38</v>
      </c>
      <c r="G14" s="22">
        <v>3</v>
      </c>
    </row>
    <row r="15" spans="2:7" x14ac:dyDescent="0.2">
      <c r="B15" s="29"/>
      <c r="C15" s="7"/>
      <c r="D15" s="23">
        <v>100</v>
      </c>
      <c r="E15" s="24">
        <v>51.2</v>
      </c>
      <c r="F15" s="25">
        <v>45.2</v>
      </c>
      <c r="G15" s="26">
        <v>3.6</v>
      </c>
    </row>
    <row r="16" spans="2:7" x14ac:dyDescent="0.2">
      <c r="B16" s="29"/>
      <c r="C16" s="2" t="s">
        <v>49</v>
      </c>
      <c r="D16" s="19">
        <v>97</v>
      </c>
      <c r="E16" s="20">
        <v>52</v>
      </c>
      <c r="F16" s="21">
        <v>42</v>
      </c>
      <c r="G16" s="22">
        <v>3</v>
      </c>
    </row>
    <row r="17" spans="2:7" x14ac:dyDescent="0.2">
      <c r="B17" s="29"/>
      <c r="C17" s="7"/>
      <c r="D17" s="23">
        <v>100</v>
      </c>
      <c r="E17" s="24">
        <v>53.6</v>
      </c>
      <c r="F17" s="25">
        <v>43.3</v>
      </c>
      <c r="G17" s="26">
        <v>3.1</v>
      </c>
    </row>
    <row r="18" spans="2:7" x14ac:dyDescent="0.2">
      <c r="B18" s="29"/>
      <c r="C18" s="2" t="s">
        <v>48</v>
      </c>
      <c r="D18" s="19">
        <v>79</v>
      </c>
      <c r="E18" s="20">
        <v>36</v>
      </c>
      <c r="F18" s="21">
        <v>43</v>
      </c>
      <c r="G18" s="22" t="s">
        <v>152</v>
      </c>
    </row>
    <row r="19" spans="2:7" x14ac:dyDescent="0.2">
      <c r="B19" s="29"/>
      <c r="C19" s="7"/>
      <c r="D19" s="23">
        <v>100</v>
      </c>
      <c r="E19" s="24">
        <v>45.6</v>
      </c>
      <c r="F19" s="25">
        <v>54.4</v>
      </c>
      <c r="G19" s="26" t="s">
        <v>152</v>
      </c>
    </row>
    <row r="20" spans="2:7" x14ac:dyDescent="0.2">
      <c r="B20" s="29"/>
      <c r="C20" s="2" t="s">
        <v>47</v>
      </c>
      <c r="D20" s="19">
        <v>72</v>
      </c>
      <c r="E20" s="20">
        <v>37</v>
      </c>
      <c r="F20" s="21">
        <v>34</v>
      </c>
      <c r="G20" s="22">
        <v>1</v>
      </c>
    </row>
    <row r="21" spans="2:7" x14ac:dyDescent="0.2">
      <c r="B21" s="29"/>
      <c r="C21" s="7"/>
      <c r="D21" s="23">
        <v>100</v>
      </c>
      <c r="E21" s="24">
        <v>51.4</v>
      </c>
      <c r="F21" s="25">
        <v>47.2</v>
      </c>
      <c r="G21" s="26">
        <v>1.4</v>
      </c>
    </row>
    <row r="22" spans="2:7" x14ac:dyDescent="0.2">
      <c r="B22" s="29"/>
      <c r="C22" s="2" t="s">
        <v>46</v>
      </c>
      <c r="D22" s="19">
        <v>15</v>
      </c>
      <c r="E22" s="20">
        <v>8</v>
      </c>
      <c r="F22" s="21">
        <v>7</v>
      </c>
      <c r="G22" s="22" t="s">
        <v>152</v>
      </c>
    </row>
    <row r="23" spans="2:7" x14ac:dyDescent="0.2">
      <c r="B23" s="29"/>
      <c r="C23" s="7"/>
      <c r="D23" s="23">
        <v>100</v>
      </c>
      <c r="E23" s="24">
        <v>53.3</v>
      </c>
      <c r="F23" s="25">
        <v>46.7</v>
      </c>
      <c r="G23" s="26" t="s">
        <v>152</v>
      </c>
    </row>
    <row r="24" spans="2:7" x14ac:dyDescent="0.2">
      <c r="B24" s="29"/>
      <c r="C24" s="2" t="s">
        <v>45</v>
      </c>
      <c r="D24" s="19">
        <v>77</v>
      </c>
      <c r="E24" s="20">
        <v>42</v>
      </c>
      <c r="F24" s="21">
        <v>34</v>
      </c>
      <c r="G24" s="22">
        <v>1</v>
      </c>
    </row>
    <row r="25" spans="2:7" x14ac:dyDescent="0.2">
      <c r="B25" s="29"/>
      <c r="C25" s="7"/>
      <c r="D25" s="23">
        <v>100</v>
      </c>
      <c r="E25" s="24">
        <v>54.5</v>
      </c>
      <c r="F25" s="25">
        <v>44.2</v>
      </c>
      <c r="G25" s="26">
        <v>1.3</v>
      </c>
    </row>
    <row r="26" spans="2:7" x14ac:dyDescent="0.2">
      <c r="B26" s="29"/>
      <c r="C26" s="2" t="s">
        <v>44</v>
      </c>
      <c r="D26" s="19">
        <v>260</v>
      </c>
      <c r="E26" s="20">
        <v>128</v>
      </c>
      <c r="F26" s="21">
        <v>119</v>
      </c>
      <c r="G26" s="22">
        <v>13</v>
      </c>
    </row>
    <row r="27" spans="2:7" x14ac:dyDescent="0.2">
      <c r="B27" s="29"/>
      <c r="C27" s="7"/>
      <c r="D27" s="23">
        <v>100</v>
      </c>
      <c r="E27" s="24">
        <v>49.2</v>
      </c>
      <c r="F27" s="25">
        <v>45.8</v>
      </c>
      <c r="G27" s="26">
        <v>5</v>
      </c>
    </row>
    <row r="28" spans="2:7" x14ac:dyDescent="0.2">
      <c r="B28" s="29"/>
      <c r="C28" s="2" t="s">
        <v>43</v>
      </c>
      <c r="D28" s="19">
        <v>334</v>
      </c>
      <c r="E28" s="20">
        <v>158</v>
      </c>
      <c r="F28" s="21">
        <v>152</v>
      </c>
      <c r="G28" s="22">
        <v>24</v>
      </c>
    </row>
    <row r="29" spans="2:7" x14ac:dyDescent="0.2">
      <c r="B29" s="29"/>
      <c r="C29" s="7"/>
      <c r="D29" s="23">
        <v>100</v>
      </c>
      <c r="E29" s="24">
        <v>47.3</v>
      </c>
      <c r="F29" s="25">
        <v>45.5</v>
      </c>
      <c r="G29" s="26">
        <v>7.2</v>
      </c>
    </row>
    <row r="30" spans="2:7" x14ac:dyDescent="0.2">
      <c r="B30" s="29"/>
      <c r="C30" s="2" t="s">
        <v>14</v>
      </c>
      <c r="D30" s="19">
        <v>28</v>
      </c>
      <c r="E30" s="20">
        <v>11</v>
      </c>
      <c r="F30" s="21">
        <v>14</v>
      </c>
      <c r="G30" s="22">
        <v>3</v>
      </c>
    </row>
    <row r="31" spans="2:7" x14ac:dyDescent="0.2">
      <c r="B31" s="29"/>
      <c r="C31" s="7"/>
      <c r="D31" s="23">
        <v>100</v>
      </c>
      <c r="E31" s="24">
        <v>39.299999999999997</v>
      </c>
      <c r="F31" s="25">
        <v>50</v>
      </c>
      <c r="G31" s="26">
        <v>10.7</v>
      </c>
    </row>
    <row r="32" spans="2:7" x14ac:dyDescent="0.2">
      <c r="B32" s="29"/>
      <c r="C32" s="2" t="s">
        <v>42</v>
      </c>
      <c r="D32" s="19">
        <v>390</v>
      </c>
      <c r="E32" s="20">
        <v>149</v>
      </c>
      <c r="F32" s="21">
        <v>229</v>
      </c>
      <c r="G32" s="22">
        <v>12</v>
      </c>
    </row>
    <row r="33" spans="2:7" x14ac:dyDescent="0.2">
      <c r="B33" s="29"/>
      <c r="C33" s="7"/>
      <c r="D33" s="23">
        <v>100</v>
      </c>
      <c r="E33" s="24">
        <v>38.200000000000003</v>
      </c>
      <c r="F33" s="25">
        <v>58.7</v>
      </c>
      <c r="G33" s="26">
        <v>3.1</v>
      </c>
    </row>
    <row r="34" spans="2:7" x14ac:dyDescent="0.2">
      <c r="B34" s="29"/>
      <c r="C34" s="2" t="s">
        <v>13</v>
      </c>
      <c r="D34" s="19">
        <v>70</v>
      </c>
      <c r="E34" s="20">
        <v>27</v>
      </c>
      <c r="F34" s="21">
        <v>33</v>
      </c>
      <c r="G34" s="22">
        <v>10</v>
      </c>
    </row>
    <row r="35" spans="2:7" x14ac:dyDescent="0.2">
      <c r="B35" s="30"/>
      <c r="C35" s="10"/>
      <c r="D35" s="15">
        <v>100</v>
      </c>
      <c r="E35" s="16">
        <v>38.6</v>
      </c>
      <c r="F35" s="17">
        <v>47.1</v>
      </c>
      <c r="G35" s="18">
        <v>14.3</v>
      </c>
    </row>
    <row r="36" spans="2:7" x14ac:dyDescent="0.2">
      <c r="B36" s="28" t="s">
        <v>53</v>
      </c>
      <c r="C36" s="9" t="s">
        <v>12</v>
      </c>
      <c r="D36" s="11">
        <v>1241</v>
      </c>
      <c r="E36" s="12">
        <v>551</v>
      </c>
      <c r="F36" s="13">
        <v>629</v>
      </c>
      <c r="G36" s="14">
        <v>61</v>
      </c>
    </row>
    <row r="37" spans="2:7" x14ac:dyDescent="0.2">
      <c r="B37" s="29"/>
      <c r="C37" s="8"/>
      <c r="D37" s="15">
        <v>100</v>
      </c>
      <c r="E37" s="16">
        <v>44.4</v>
      </c>
      <c r="F37" s="17">
        <v>50.7</v>
      </c>
      <c r="G37" s="18">
        <v>4.9000000000000004</v>
      </c>
    </row>
    <row r="38" spans="2:7" x14ac:dyDescent="0.2">
      <c r="B38" s="29"/>
      <c r="C38" s="2" t="s">
        <v>41</v>
      </c>
      <c r="D38" s="19">
        <v>799</v>
      </c>
      <c r="E38" s="20">
        <v>376</v>
      </c>
      <c r="F38" s="21">
        <v>407</v>
      </c>
      <c r="G38" s="22">
        <v>16</v>
      </c>
    </row>
    <row r="39" spans="2:7" x14ac:dyDescent="0.2">
      <c r="B39" s="29"/>
      <c r="C39" s="7"/>
      <c r="D39" s="23">
        <v>100</v>
      </c>
      <c r="E39" s="24">
        <v>47.1</v>
      </c>
      <c r="F39" s="25">
        <v>50.9</v>
      </c>
      <c r="G39" s="26">
        <v>2</v>
      </c>
    </row>
    <row r="40" spans="2:7" x14ac:dyDescent="0.2">
      <c r="B40" s="29"/>
      <c r="C40" s="2" t="s">
        <v>40</v>
      </c>
      <c r="D40" s="19">
        <v>182</v>
      </c>
      <c r="E40" s="20">
        <v>78</v>
      </c>
      <c r="F40" s="21">
        <v>89</v>
      </c>
      <c r="G40" s="22">
        <v>15</v>
      </c>
    </row>
    <row r="41" spans="2:7" x14ac:dyDescent="0.2">
      <c r="B41" s="29"/>
      <c r="C41" s="7"/>
      <c r="D41" s="23">
        <v>100</v>
      </c>
      <c r="E41" s="24">
        <v>42.9</v>
      </c>
      <c r="F41" s="25">
        <v>48.9</v>
      </c>
      <c r="G41" s="26">
        <v>8.1999999999999993</v>
      </c>
    </row>
    <row r="42" spans="2:7" x14ac:dyDescent="0.2">
      <c r="B42" s="29"/>
      <c r="C42" s="2" t="s">
        <v>39</v>
      </c>
      <c r="D42" s="19">
        <v>72</v>
      </c>
      <c r="E42" s="20">
        <v>29</v>
      </c>
      <c r="F42" s="21">
        <v>40</v>
      </c>
      <c r="G42" s="22">
        <v>3</v>
      </c>
    </row>
    <row r="43" spans="2:7" x14ac:dyDescent="0.2">
      <c r="B43" s="29"/>
      <c r="C43" s="7"/>
      <c r="D43" s="23">
        <v>100</v>
      </c>
      <c r="E43" s="24">
        <v>40.299999999999997</v>
      </c>
      <c r="F43" s="25">
        <v>55.6</v>
      </c>
      <c r="G43" s="26">
        <v>4.2</v>
      </c>
    </row>
    <row r="44" spans="2:7" x14ac:dyDescent="0.2">
      <c r="B44" s="29"/>
      <c r="C44" s="2" t="s">
        <v>38</v>
      </c>
      <c r="D44" s="19">
        <v>127</v>
      </c>
      <c r="E44" s="20">
        <v>44</v>
      </c>
      <c r="F44" s="21">
        <v>65</v>
      </c>
      <c r="G44" s="22">
        <v>18</v>
      </c>
    </row>
    <row r="45" spans="2:7" x14ac:dyDescent="0.2">
      <c r="B45" s="29"/>
      <c r="C45" s="7"/>
      <c r="D45" s="23">
        <v>100</v>
      </c>
      <c r="E45" s="24">
        <v>34.6</v>
      </c>
      <c r="F45" s="25">
        <v>51.2</v>
      </c>
      <c r="G45" s="26">
        <v>14.2</v>
      </c>
    </row>
    <row r="46" spans="2:7" x14ac:dyDescent="0.2">
      <c r="B46" s="29"/>
      <c r="C46" s="2" t="s">
        <v>13</v>
      </c>
      <c r="D46" s="19">
        <v>61</v>
      </c>
      <c r="E46" s="20">
        <v>24</v>
      </c>
      <c r="F46" s="21">
        <v>28</v>
      </c>
      <c r="G46" s="22">
        <v>9</v>
      </c>
    </row>
    <row r="47" spans="2:7" x14ac:dyDescent="0.2">
      <c r="B47" s="30"/>
      <c r="C47" s="10"/>
      <c r="D47" s="15">
        <v>100</v>
      </c>
      <c r="E47" s="16">
        <v>39.299999999999997</v>
      </c>
      <c r="F47" s="17">
        <v>45.9</v>
      </c>
      <c r="G47" s="18">
        <v>14.8</v>
      </c>
    </row>
  </sheetData>
  <mergeCells count="3">
    <mergeCell ref="B4:B11"/>
    <mergeCell ref="B12:B35"/>
    <mergeCell ref="B36:B47"/>
  </mergeCells>
  <phoneticPr fontId="2"/>
  <pageMargins left="0.7" right="0.7" top="0.75" bottom="0.75" header="0.3" footer="0.3"/>
</worksheet>
</file>

<file path=xl/worksheets/sheet6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56</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489</v>
      </c>
      <c r="F4" s="13">
        <v>674</v>
      </c>
      <c r="G4" s="14">
        <v>78</v>
      </c>
    </row>
    <row r="5" spans="2:7" x14ac:dyDescent="0.2">
      <c r="B5" s="29"/>
      <c r="C5" s="8"/>
      <c r="D5" s="15">
        <v>100</v>
      </c>
      <c r="E5" s="16">
        <v>39.4</v>
      </c>
      <c r="F5" s="17">
        <v>54.3</v>
      </c>
      <c r="G5" s="18">
        <v>6.3</v>
      </c>
    </row>
    <row r="6" spans="2:7" x14ac:dyDescent="0.2">
      <c r="B6" s="29"/>
      <c r="C6" s="2" t="s">
        <v>52</v>
      </c>
      <c r="D6" s="19">
        <v>557</v>
      </c>
      <c r="E6" s="20">
        <v>196</v>
      </c>
      <c r="F6" s="21">
        <v>322</v>
      </c>
      <c r="G6" s="22">
        <v>39</v>
      </c>
    </row>
    <row r="7" spans="2:7" x14ac:dyDescent="0.2">
      <c r="B7" s="29"/>
      <c r="C7" s="7"/>
      <c r="D7" s="23">
        <v>100</v>
      </c>
      <c r="E7" s="24">
        <v>35.200000000000003</v>
      </c>
      <c r="F7" s="25">
        <v>57.8</v>
      </c>
      <c r="G7" s="26">
        <v>7</v>
      </c>
    </row>
    <row r="8" spans="2:7" x14ac:dyDescent="0.2">
      <c r="B8" s="29"/>
      <c r="C8" s="2" t="s">
        <v>51</v>
      </c>
      <c r="D8" s="19">
        <v>595</v>
      </c>
      <c r="E8" s="20">
        <v>267</v>
      </c>
      <c r="F8" s="21">
        <v>305</v>
      </c>
      <c r="G8" s="22">
        <v>23</v>
      </c>
    </row>
    <row r="9" spans="2:7" x14ac:dyDescent="0.2">
      <c r="B9" s="29"/>
      <c r="C9" s="7"/>
      <c r="D9" s="23">
        <v>100</v>
      </c>
      <c r="E9" s="24">
        <v>44.9</v>
      </c>
      <c r="F9" s="25">
        <v>51.3</v>
      </c>
      <c r="G9" s="26">
        <v>3.9</v>
      </c>
    </row>
    <row r="10" spans="2:7" x14ac:dyDescent="0.2">
      <c r="B10" s="29"/>
      <c r="C10" s="2" t="s">
        <v>13</v>
      </c>
      <c r="D10" s="19">
        <v>89</v>
      </c>
      <c r="E10" s="20">
        <v>26</v>
      </c>
      <c r="F10" s="21">
        <v>47</v>
      </c>
      <c r="G10" s="22">
        <v>16</v>
      </c>
    </row>
    <row r="11" spans="2:7" x14ac:dyDescent="0.2">
      <c r="B11" s="30"/>
      <c r="C11" s="10"/>
      <c r="D11" s="15">
        <v>100</v>
      </c>
      <c r="E11" s="16">
        <v>29.2</v>
      </c>
      <c r="F11" s="17">
        <v>52.8</v>
      </c>
      <c r="G11" s="18">
        <v>18</v>
      </c>
    </row>
    <row r="12" spans="2:7" x14ac:dyDescent="0.2">
      <c r="B12" s="28" t="s">
        <v>54</v>
      </c>
      <c r="C12" s="9" t="s">
        <v>12</v>
      </c>
      <c r="D12" s="11">
        <v>1241</v>
      </c>
      <c r="E12" s="12">
        <v>489</v>
      </c>
      <c r="F12" s="13">
        <v>674</v>
      </c>
      <c r="G12" s="14">
        <v>78</v>
      </c>
    </row>
    <row r="13" spans="2:7" x14ac:dyDescent="0.2">
      <c r="B13" s="29"/>
      <c r="C13" s="8"/>
      <c r="D13" s="15">
        <v>100</v>
      </c>
      <c r="E13" s="16">
        <v>39.4</v>
      </c>
      <c r="F13" s="17">
        <v>54.3</v>
      </c>
      <c r="G13" s="18">
        <v>6.3</v>
      </c>
    </row>
    <row r="14" spans="2:7" x14ac:dyDescent="0.2">
      <c r="B14" s="29"/>
      <c r="C14" s="2" t="s">
        <v>50</v>
      </c>
      <c r="D14" s="19">
        <v>84</v>
      </c>
      <c r="E14" s="20">
        <v>40</v>
      </c>
      <c r="F14" s="21">
        <v>43</v>
      </c>
      <c r="G14" s="22">
        <v>1</v>
      </c>
    </row>
    <row r="15" spans="2:7" x14ac:dyDescent="0.2">
      <c r="B15" s="29"/>
      <c r="C15" s="7"/>
      <c r="D15" s="23">
        <v>100</v>
      </c>
      <c r="E15" s="24">
        <v>47.6</v>
      </c>
      <c r="F15" s="25">
        <v>51.2</v>
      </c>
      <c r="G15" s="26">
        <v>1.2</v>
      </c>
    </row>
    <row r="16" spans="2:7" x14ac:dyDescent="0.2">
      <c r="B16" s="29"/>
      <c r="C16" s="2" t="s">
        <v>49</v>
      </c>
      <c r="D16" s="19">
        <v>97</v>
      </c>
      <c r="E16" s="20">
        <v>50</v>
      </c>
      <c r="F16" s="21">
        <v>46</v>
      </c>
      <c r="G16" s="22">
        <v>1</v>
      </c>
    </row>
    <row r="17" spans="2:7" x14ac:dyDescent="0.2">
      <c r="B17" s="29"/>
      <c r="C17" s="7"/>
      <c r="D17" s="23">
        <v>100</v>
      </c>
      <c r="E17" s="24">
        <v>51.5</v>
      </c>
      <c r="F17" s="25">
        <v>47.4</v>
      </c>
      <c r="G17" s="26">
        <v>1</v>
      </c>
    </row>
    <row r="18" spans="2:7" x14ac:dyDescent="0.2">
      <c r="B18" s="29"/>
      <c r="C18" s="2" t="s">
        <v>48</v>
      </c>
      <c r="D18" s="19">
        <v>79</v>
      </c>
      <c r="E18" s="20">
        <v>37</v>
      </c>
      <c r="F18" s="21">
        <v>39</v>
      </c>
      <c r="G18" s="22">
        <v>3</v>
      </c>
    </row>
    <row r="19" spans="2:7" x14ac:dyDescent="0.2">
      <c r="B19" s="29"/>
      <c r="C19" s="7"/>
      <c r="D19" s="23">
        <v>100</v>
      </c>
      <c r="E19" s="24">
        <v>46.8</v>
      </c>
      <c r="F19" s="25">
        <v>49.4</v>
      </c>
      <c r="G19" s="26">
        <v>3.8</v>
      </c>
    </row>
    <row r="20" spans="2:7" x14ac:dyDescent="0.2">
      <c r="B20" s="29"/>
      <c r="C20" s="2" t="s">
        <v>47</v>
      </c>
      <c r="D20" s="19">
        <v>72</v>
      </c>
      <c r="E20" s="20">
        <v>37</v>
      </c>
      <c r="F20" s="21">
        <v>34</v>
      </c>
      <c r="G20" s="22">
        <v>1</v>
      </c>
    </row>
    <row r="21" spans="2:7" x14ac:dyDescent="0.2">
      <c r="B21" s="29"/>
      <c r="C21" s="7"/>
      <c r="D21" s="23">
        <v>100</v>
      </c>
      <c r="E21" s="24">
        <v>51.4</v>
      </c>
      <c r="F21" s="25">
        <v>47.2</v>
      </c>
      <c r="G21" s="26">
        <v>1.4</v>
      </c>
    </row>
    <row r="22" spans="2:7" x14ac:dyDescent="0.2">
      <c r="B22" s="29"/>
      <c r="C22" s="2" t="s">
        <v>46</v>
      </c>
      <c r="D22" s="19">
        <v>15</v>
      </c>
      <c r="E22" s="20">
        <v>7</v>
      </c>
      <c r="F22" s="21">
        <v>8</v>
      </c>
      <c r="G22" s="22" t="s">
        <v>152</v>
      </c>
    </row>
    <row r="23" spans="2:7" x14ac:dyDescent="0.2">
      <c r="B23" s="29"/>
      <c r="C23" s="7"/>
      <c r="D23" s="23">
        <v>100</v>
      </c>
      <c r="E23" s="24">
        <v>46.7</v>
      </c>
      <c r="F23" s="25">
        <v>53.3</v>
      </c>
      <c r="G23" s="26" t="s">
        <v>152</v>
      </c>
    </row>
    <row r="24" spans="2:7" x14ac:dyDescent="0.2">
      <c r="B24" s="29"/>
      <c r="C24" s="2" t="s">
        <v>45</v>
      </c>
      <c r="D24" s="19">
        <v>77</v>
      </c>
      <c r="E24" s="20">
        <v>33</v>
      </c>
      <c r="F24" s="21">
        <v>41</v>
      </c>
      <c r="G24" s="22">
        <v>3</v>
      </c>
    </row>
    <row r="25" spans="2:7" x14ac:dyDescent="0.2">
      <c r="B25" s="29"/>
      <c r="C25" s="7"/>
      <c r="D25" s="23">
        <v>100</v>
      </c>
      <c r="E25" s="24">
        <v>42.9</v>
      </c>
      <c r="F25" s="25">
        <v>53.2</v>
      </c>
      <c r="G25" s="26">
        <v>3.9</v>
      </c>
    </row>
    <row r="26" spans="2:7" x14ac:dyDescent="0.2">
      <c r="B26" s="29"/>
      <c r="C26" s="2" t="s">
        <v>44</v>
      </c>
      <c r="D26" s="19">
        <v>260</v>
      </c>
      <c r="E26" s="20">
        <v>101</v>
      </c>
      <c r="F26" s="21">
        <v>136</v>
      </c>
      <c r="G26" s="22">
        <v>23</v>
      </c>
    </row>
    <row r="27" spans="2:7" x14ac:dyDescent="0.2">
      <c r="B27" s="29"/>
      <c r="C27" s="7"/>
      <c r="D27" s="23">
        <v>100</v>
      </c>
      <c r="E27" s="24">
        <v>38.799999999999997</v>
      </c>
      <c r="F27" s="25">
        <v>52.3</v>
      </c>
      <c r="G27" s="26">
        <v>8.8000000000000007</v>
      </c>
    </row>
    <row r="28" spans="2:7" x14ac:dyDescent="0.2">
      <c r="B28" s="29"/>
      <c r="C28" s="2" t="s">
        <v>43</v>
      </c>
      <c r="D28" s="19">
        <v>334</v>
      </c>
      <c r="E28" s="20">
        <v>132</v>
      </c>
      <c r="F28" s="21">
        <v>176</v>
      </c>
      <c r="G28" s="22">
        <v>26</v>
      </c>
    </row>
    <row r="29" spans="2:7" x14ac:dyDescent="0.2">
      <c r="B29" s="29"/>
      <c r="C29" s="7"/>
      <c r="D29" s="23">
        <v>100</v>
      </c>
      <c r="E29" s="24">
        <v>39.5</v>
      </c>
      <c r="F29" s="25">
        <v>52.7</v>
      </c>
      <c r="G29" s="26">
        <v>7.8</v>
      </c>
    </row>
    <row r="30" spans="2:7" x14ac:dyDescent="0.2">
      <c r="B30" s="29"/>
      <c r="C30" s="2" t="s">
        <v>14</v>
      </c>
      <c r="D30" s="19">
        <v>28</v>
      </c>
      <c r="E30" s="20">
        <v>10</v>
      </c>
      <c r="F30" s="21">
        <v>17</v>
      </c>
      <c r="G30" s="22">
        <v>1</v>
      </c>
    </row>
    <row r="31" spans="2:7" x14ac:dyDescent="0.2">
      <c r="B31" s="29"/>
      <c r="C31" s="7"/>
      <c r="D31" s="23">
        <v>100</v>
      </c>
      <c r="E31" s="24">
        <v>35.700000000000003</v>
      </c>
      <c r="F31" s="25">
        <v>60.7</v>
      </c>
      <c r="G31" s="26">
        <v>3.6</v>
      </c>
    </row>
    <row r="32" spans="2:7" x14ac:dyDescent="0.2">
      <c r="B32" s="29"/>
      <c r="C32" s="2" t="s">
        <v>42</v>
      </c>
      <c r="D32" s="19">
        <v>390</v>
      </c>
      <c r="E32" s="20">
        <v>147</v>
      </c>
      <c r="F32" s="21">
        <v>226</v>
      </c>
      <c r="G32" s="22">
        <v>17</v>
      </c>
    </row>
    <row r="33" spans="2:7" x14ac:dyDescent="0.2">
      <c r="B33" s="29"/>
      <c r="C33" s="7"/>
      <c r="D33" s="23">
        <v>100</v>
      </c>
      <c r="E33" s="24">
        <v>37.700000000000003</v>
      </c>
      <c r="F33" s="25">
        <v>57.9</v>
      </c>
      <c r="G33" s="26">
        <v>4.4000000000000004</v>
      </c>
    </row>
    <row r="34" spans="2:7" x14ac:dyDescent="0.2">
      <c r="B34" s="29"/>
      <c r="C34" s="2" t="s">
        <v>13</v>
      </c>
      <c r="D34" s="19">
        <v>70</v>
      </c>
      <c r="E34" s="20">
        <v>22</v>
      </c>
      <c r="F34" s="21">
        <v>33</v>
      </c>
      <c r="G34" s="22">
        <v>15</v>
      </c>
    </row>
    <row r="35" spans="2:7" x14ac:dyDescent="0.2">
      <c r="B35" s="30"/>
      <c r="C35" s="10"/>
      <c r="D35" s="15">
        <v>100</v>
      </c>
      <c r="E35" s="16">
        <v>31.4</v>
      </c>
      <c r="F35" s="17">
        <v>47.1</v>
      </c>
      <c r="G35" s="18">
        <v>21.4</v>
      </c>
    </row>
    <row r="36" spans="2:7" x14ac:dyDescent="0.2">
      <c r="B36" s="28" t="s">
        <v>53</v>
      </c>
      <c r="C36" s="9" t="s">
        <v>12</v>
      </c>
      <c r="D36" s="11">
        <v>1241</v>
      </c>
      <c r="E36" s="12">
        <v>489</v>
      </c>
      <c r="F36" s="13">
        <v>674</v>
      </c>
      <c r="G36" s="14">
        <v>78</v>
      </c>
    </row>
    <row r="37" spans="2:7" x14ac:dyDescent="0.2">
      <c r="B37" s="29"/>
      <c r="C37" s="8"/>
      <c r="D37" s="15">
        <v>100</v>
      </c>
      <c r="E37" s="16">
        <v>39.4</v>
      </c>
      <c r="F37" s="17">
        <v>54.3</v>
      </c>
      <c r="G37" s="18">
        <v>6.3</v>
      </c>
    </row>
    <row r="38" spans="2:7" x14ac:dyDescent="0.2">
      <c r="B38" s="29"/>
      <c r="C38" s="2" t="s">
        <v>41</v>
      </c>
      <c r="D38" s="19">
        <v>799</v>
      </c>
      <c r="E38" s="20">
        <v>352</v>
      </c>
      <c r="F38" s="21">
        <v>418</v>
      </c>
      <c r="G38" s="22">
        <v>29</v>
      </c>
    </row>
    <row r="39" spans="2:7" x14ac:dyDescent="0.2">
      <c r="B39" s="29"/>
      <c r="C39" s="7"/>
      <c r="D39" s="23">
        <v>100</v>
      </c>
      <c r="E39" s="24">
        <v>44.1</v>
      </c>
      <c r="F39" s="25">
        <v>52.3</v>
      </c>
      <c r="G39" s="26">
        <v>3.6</v>
      </c>
    </row>
    <row r="40" spans="2:7" x14ac:dyDescent="0.2">
      <c r="B40" s="29"/>
      <c r="C40" s="2" t="s">
        <v>40</v>
      </c>
      <c r="D40" s="19">
        <v>182</v>
      </c>
      <c r="E40" s="20">
        <v>64</v>
      </c>
      <c r="F40" s="21">
        <v>102</v>
      </c>
      <c r="G40" s="22">
        <v>16</v>
      </c>
    </row>
    <row r="41" spans="2:7" x14ac:dyDescent="0.2">
      <c r="B41" s="29"/>
      <c r="C41" s="7"/>
      <c r="D41" s="23">
        <v>100</v>
      </c>
      <c r="E41" s="24">
        <v>35.200000000000003</v>
      </c>
      <c r="F41" s="25">
        <v>56</v>
      </c>
      <c r="G41" s="26">
        <v>8.8000000000000007</v>
      </c>
    </row>
    <row r="42" spans="2:7" x14ac:dyDescent="0.2">
      <c r="B42" s="29"/>
      <c r="C42" s="2" t="s">
        <v>39</v>
      </c>
      <c r="D42" s="19">
        <v>72</v>
      </c>
      <c r="E42" s="20">
        <v>19</v>
      </c>
      <c r="F42" s="21">
        <v>46</v>
      </c>
      <c r="G42" s="22">
        <v>7</v>
      </c>
    </row>
    <row r="43" spans="2:7" x14ac:dyDescent="0.2">
      <c r="B43" s="29"/>
      <c r="C43" s="7"/>
      <c r="D43" s="23">
        <v>100</v>
      </c>
      <c r="E43" s="24">
        <v>26.4</v>
      </c>
      <c r="F43" s="25">
        <v>63.9</v>
      </c>
      <c r="G43" s="26">
        <v>9.6999999999999993</v>
      </c>
    </row>
    <row r="44" spans="2:7" x14ac:dyDescent="0.2">
      <c r="B44" s="29"/>
      <c r="C44" s="2" t="s">
        <v>38</v>
      </c>
      <c r="D44" s="19">
        <v>127</v>
      </c>
      <c r="E44" s="20">
        <v>35</v>
      </c>
      <c r="F44" s="21">
        <v>80</v>
      </c>
      <c r="G44" s="22">
        <v>12</v>
      </c>
    </row>
    <row r="45" spans="2:7" x14ac:dyDescent="0.2">
      <c r="B45" s="29"/>
      <c r="C45" s="7"/>
      <c r="D45" s="23">
        <v>100</v>
      </c>
      <c r="E45" s="24">
        <v>27.6</v>
      </c>
      <c r="F45" s="25">
        <v>63</v>
      </c>
      <c r="G45" s="26">
        <v>9.4</v>
      </c>
    </row>
    <row r="46" spans="2:7" x14ac:dyDescent="0.2">
      <c r="B46" s="29"/>
      <c r="C46" s="2" t="s">
        <v>13</v>
      </c>
      <c r="D46" s="19">
        <v>61</v>
      </c>
      <c r="E46" s="20">
        <v>19</v>
      </c>
      <c r="F46" s="21">
        <v>28</v>
      </c>
      <c r="G46" s="22">
        <v>14</v>
      </c>
    </row>
    <row r="47" spans="2:7" x14ac:dyDescent="0.2">
      <c r="B47" s="30"/>
      <c r="C47" s="10"/>
      <c r="D47" s="15">
        <v>100</v>
      </c>
      <c r="E47" s="16">
        <v>31.1</v>
      </c>
      <c r="F47" s="17">
        <v>45.9</v>
      </c>
      <c r="G47" s="18">
        <v>23</v>
      </c>
    </row>
  </sheetData>
  <mergeCells count="3">
    <mergeCell ref="B4:B11"/>
    <mergeCell ref="B12:B35"/>
    <mergeCell ref="B36:B47"/>
  </mergeCells>
  <phoneticPr fontId="2"/>
  <pageMargins left="0.7" right="0.7" top="0.75" bottom="0.75" header="0.3" footer="0.3"/>
</worksheet>
</file>

<file path=xl/worksheets/sheet6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55</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649</v>
      </c>
      <c r="F4" s="13">
        <v>506</v>
      </c>
      <c r="G4" s="14">
        <v>86</v>
      </c>
    </row>
    <row r="5" spans="2:7" x14ac:dyDescent="0.2">
      <c r="B5" s="29"/>
      <c r="C5" s="8"/>
      <c r="D5" s="15">
        <v>100</v>
      </c>
      <c r="E5" s="16">
        <v>52.3</v>
      </c>
      <c r="F5" s="17">
        <v>40.799999999999997</v>
      </c>
      <c r="G5" s="18">
        <v>6.9</v>
      </c>
    </row>
    <row r="6" spans="2:7" x14ac:dyDescent="0.2">
      <c r="B6" s="29"/>
      <c r="C6" s="2" t="s">
        <v>30</v>
      </c>
      <c r="D6" s="19">
        <v>499</v>
      </c>
      <c r="E6" s="20">
        <v>260</v>
      </c>
      <c r="F6" s="21">
        <v>215</v>
      </c>
      <c r="G6" s="22">
        <v>24</v>
      </c>
    </row>
    <row r="7" spans="2:7" x14ac:dyDescent="0.2">
      <c r="B7" s="29"/>
      <c r="C7" s="7"/>
      <c r="D7" s="23">
        <v>100</v>
      </c>
      <c r="E7" s="24">
        <v>52.1</v>
      </c>
      <c r="F7" s="25">
        <v>43.1</v>
      </c>
      <c r="G7" s="26">
        <v>4.8</v>
      </c>
    </row>
    <row r="8" spans="2:7" x14ac:dyDescent="0.2">
      <c r="B8" s="29"/>
      <c r="C8" s="2" t="s">
        <v>29</v>
      </c>
      <c r="D8" s="19">
        <v>150</v>
      </c>
      <c r="E8" s="20">
        <v>76</v>
      </c>
      <c r="F8" s="21">
        <v>61</v>
      </c>
      <c r="G8" s="22">
        <v>13</v>
      </c>
    </row>
    <row r="9" spans="2:7" x14ac:dyDescent="0.2">
      <c r="B9" s="29"/>
      <c r="C9" s="7"/>
      <c r="D9" s="23">
        <v>100</v>
      </c>
      <c r="E9" s="24">
        <v>50.7</v>
      </c>
      <c r="F9" s="25">
        <v>40.700000000000003</v>
      </c>
      <c r="G9" s="26">
        <v>8.6999999999999993</v>
      </c>
    </row>
    <row r="10" spans="2:7" x14ac:dyDescent="0.2">
      <c r="B10" s="29"/>
      <c r="C10" s="2" t="s">
        <v>28</v>
      </c>
      <c r="D10" s="19">
        <v>82</v>
      </c>
      <c r="E10" s="20">
        <v>44</v>
      </c>
      <c r="F10" s="21">
        <v>32</v>
      </c>
      <c r="G10" s="22">
        <v>6</v>
      </c>
    </row>
    <row r="11" spans="2:7" x14ac:dyDescent="0.2">
      <c r="B11" s="29"/>
      <c r="C11" s="7"/>
      <c r="D11" s="23">
        <v>100</v>
      </c>
      <c r="E11" s="24">
        <v>53.7</v>
      </c>
      <c r="F11" s="25">
        <v>39</v>
      </c>
      <c r="G11" s="26">
        <v>7.3</v>
      </c>
    </row>
    <row r="12" spans="2:7" x14ac:dyDescent="0.2">
      <c r="B12" s="29"/>
      <c r="C12" s="2" t="s">
        <v>27</v>
      </c>
      <c r="D12" s="19">
        <v>92</v>
      </c>
      <c r="E12" s="20">
        <v>56</v>
      </c>
      <c r="F12" s="21">
        <v>30</v>
      </c>
      <c r="G12" s="22">
        <v>6</v>
      </c>
    </row>
    <row r="13" spans="2:7" x14ac:dyDescent="0.2">
      <c r="B13" s="29"/>
      <c r="C13" s="7"/>
      <c r="D13" s="23">
        <v>100</v>
      </c>
      <c r="E13" s="24">
        <v>60.9</v>
      </c>
      <c r="F13" s="25">
        <v>32.6</v>
      </c>
      <c r="G13" s="26">
        <v>6.5</v>
      </c>
    </row>
    <row r="14" spans="2:7" x14ac:dyDescent="0.2">
      <c r="B14" s="29"/>
      <c r="C14" s="2" t="s">
        <v>26</v>
      </c>
      <c r="D14" s="19">
        <v>112</v>
      </c>
      <c r="E14" s="20">
        <v>60</v>
      </c>
      <c r="F14" s="21">
        <v>42</v>
      </c>
      <c r="G14" s="22">
        <v>10</v>
      </c>
    </row>
    <row r="15" spans="2:7" x14ac:dyDescent="0.2">
      <c r="B15" s="29"/>
      <c r="C15" s="7"/>
      <c r="D15" s="23">
        <v>100</v>
      </c>
      <c r="E15" s="24">
        <v>53.6</v>
      </c>
      <c r="F15" s="25">
        <v>37.5</v>
      </c>
      <c r="G15" s="26">
        <v>8.9</v>
      </c>
    </row>
    <row r="16" spans="2:7" x14ac:dyDescent="0.2">
      <c r="B16" s="29"/>
      <c r="C16" s="2" t="s">
        <v>25</v>
      </c>
      <c r="D16" s="19">
        <v>188</v>
      </c>
      <c r="E16" s="20">
        <v>100</v>
      </c>
      <c r="F16" s="21">
        <v>74</v>
      </c>
      <c r="G16" s="22">
        <v>14</v>
      </c>
    </row>
    <row r="17" spans="2:7" x14ac:dyDescent="0.2">
      <c r="B17" s="29"/>
      <c r="C17" s="7"/>
      <c r="D17" s="23">
        <v>100</v>
      </c>
      <c r="E17" s="24">
        <v>53.2</v>
      </c>
      <c r="F17" s="25">
        <v>39.4</v>
      </c>
      <c r="G17" s="26">
        <v>7.4</v>
      </c>
    </row>
    <row r="18" spans="2:7" x14ac:dyDescent="0.2">
      <c r="B18" s="29"/>
      <c r="C18" s="2" t="s">
        <v>24</v>
      </c>
      <c r="D18" s="19">
        <v>60</v>
      </c>
      <c r="E18" s="20">
        <v>32</v>
      </c>
      <c r="F18" s="21">
        <v>26</v>
      </c>
      <c r="G18" s="22">
        <v>2</v>
      </c>
    </row>
    <row r="19" spans="2:7" x14ac:dyDescent="0.2">
      <c r="B19" s="29"/>
      <c r="C19" s="7"/>
      <c r="D19" s="23">
        <v>100</v>
      </c>
      <c r="E19" s="24">
        <v>53.3</v>
      </c>
      <c r="F19" s="25">
        <v>43.3</v>
      </c>
      <c r="G19" s="26">
        <v>3.3</v>
      </c>
    </row>
    <row r="20" spans="2:7" x14ac:dyDescent="0.2">
      <c r="B20" s="29"/>
      <c r="C20" s="2" t="s">
        <v>13</v>
      </c>
      <c r="D20" s="19">
        <v>58</v>
      </c>
      <c r="E20" s="20">
        <v>21</v>
      </c>
      <c r="F20" s="21">
        <v>26</v>
      </c>
      <c r="G20" s="22">
        <v>11</v>
      </c>
    </row>
    <row r="21" spans="2:7" x14ac:dyDescent="0.2">
      <c r="B21" s="30"/>
      <c r="C21" s="10"/>
      <c r="D21" s="15">
        <v>100</v>
      </c>
      <c r="E21" s="16">
        <v>36.200000000000003</v>
      </c>
      <c r="F21" s="17">
        <v>44.8</v>
      </c>
      <c r="G21" s="18">
        <v>19</v>
      </c>
    </row>
    <row r="22" spans="2:7" x14ac:dyDescent="0.2">
      <c r="B22" s="28" t="s">
        <v>35</v>
      </c>
      <c r="C22" s="9" t="s">
        <v>12</v>
      </c>
      <c r="D22" s="11">
        <v>1241</v>
      </c>
      <c r="E22" s="12">
        <v>649</v>
      </c>
      <c r="F22" s="13">
        <v>506</v>
      </c>
      <c r="G22" s="14">
        <v>86</v>
      </c>
    </row>
    <row r="23" spans="2:7" x14ac:dyDescent="0.2">
      <c r="B23" s="29"/>
      <c r="C23" s="8"/>
      <c r="D23" s="15">
        <v>100</v>
      </c>
      <c r="E23" s="16">
        <v>52.3</v>
      </c>
      <c r="F23" s="17">
        <v>40.799999999999997</v>
      </c>
      <c r="G23" s="18">
        <v>6.9</v>
      </c>
    </row>
    <row r="24" spans="2:7" x14ac:dyDescent="0.2">
      <c r="B24" s="29"/>
      <c r="C24" s="2" t="s">
        <v>23</v>
      </c>
      <c r="D24" s="19">
        <v>563</v>
      </c>
      <c r="E24" s="20">
        <v>325</v>
      </c>
      <c r="F24" s="21">
        <v>211</v>
      </c>
      <c r="G24" s="22">
        <v>27</v>
      </c>
    </row>
    <row r="25" spans="2:7" x14ac:dyDescent="0.2">
      <c r="B25" s="29"/>
      <c r="C25" s="7"/>
      <c r="D25" s="23">
        <v>100</v>
      </c>
      <c r="E25" s="24">
        <v>57.7</v>
      </c>
      <c r="F25" s="25">
        <v>37.5</v>
      </c>
      <c r="G25" s="26">
        <v>4.8</v>
      </c>
    </row>
    <row r="26" spans="2:7" x14ac:dyDescent="0.2">
      <c r="B26" s="29"/>
      <c r="C26" s="2" t="s">
        <v>22</v>
      </c>
      <c r="D26" s="19">
        <v>607</v>
      </c>
      <c r="E26" s="20">
        <v>297</v>
      </c>
      <c r="F26" s="21">
        <v>262</v>
      </c>
      <c r="G26" s="22">
        <v>48</v>
      </c>
    </row>
    <row r="27" spans="2:7" x14ac:dyDescent="0.2">
      <c r="B27" s="29"/>
      <c r="C27" s="7"/>
      <c r="D27" s="23">
        <v>100</v>
      </c>
      <c r="E27" s="24">
        <v>48.9</v>
      </c>
      <c r="F27" s="25">
        <v>43.2</v>
      </c>
      <c r="G27" s="26">
        <v>7.9</v>
      </c>
    </row>
    <row r="28" spans="2:7" x14ac:dyDescent="0.2">
      <c r="B28" s="29"/>
      <c r="C28" s="2" t="s">
        <v>13</v>
      </c>
      <c r="D28" s="19">
        <v>71</v>
      </c>
      <c r="E28" s="20">
        <v>27</v>
      </c>
      <c r="F28" s="21">
        <v>33</v>
      </c>
      <c r="G28" s="22">
        <v>11</v>
      </c>
    </row>
    <row r="29" spans="2:7" x14ac:dyDescent="0.2">
      <c r="B29" s="30"/>
      <c r="C29" s="10"/>
      <c r="D29" s="15">
        <v>100</v>
      </c>
      <c r="E29" s="16">
        <v>38</v>
      </c>
      <c r="F29" s="17">
        <v>46.5</v>
      </c>
      <c r="G29" s="18">
        <v>15.5</v>
      </c>
    </row>
    <row r="30" spans="2:7" x14ac:dyDescent="0.2">
      <c r="B30" s="28" t="s">
        <v>34</v>
      </c>
      <c r="C30" s="9" t="s">
        <v>12</v>
      </c>
      <c r="D30" s="11">
        <v>1241</v>
      </c>
      <c r="E30" s="12">
        <v>649</v>
      </c>
      <c r="F30" s="13">
        <v>506</v>
      </c>
      <c r="G30" s="14">
        <v>86</v>
      </c>
    </row>
    <row r="31" spans="2:7" x14ac:dyDescent="0.2">
      <c r="B31" s="29"/>
      <c r="C31" s="8"/>
      <c r="D31" s="15">
        <v>100</v>
      </c>
      <c r="E31" s="16">
        <v>52.3</v>
      </c>
      <c r="F31" s="17">
        <v>40.799999999999997</v>
      </c>
      <c r="G31" s="18">
        <v>6.9</v>
      </c>
    </row>
    <row r="32" spans="2:7" x14ac:dyDescent="0.2">
      <c r="B32" s="29"/>
      <c r="C32" s="2" t="s">
        <v>76</v>
      </c>
      <c r="D32" s="19">
        <v>3</v>
      </c>
      <c r="E32" s="20">
        <v>2</v>
      </c>
      <c r="F32" s="21">
        <v>1</v>
      </c>
      <c r="G32" s="22" t="s">
        <v>152</v>
      </c>
    </row>
    <row r="33" spans="2:7" x14ac:dyDescent="0.2">
      <c r="B33" s="29"/>
      <c r="C33" s="7"/>
      <c r="D33" s="23">
        <v>100</v>
      </c>
      <c r="E33" s="24">
        <v>66.7</v>
      </c>
      <c r="F33" s="25">
        <v>33.299999999999997</v>
      </c>
      <c r="G33" s="26" t="s">
        <v>152</v>
      </c>
    </row>
    <row r="34" spans="2:7" x14ac:dyDescent="0.2">
      <c r="B34" s="29"/>
      <c r="C34" s="2" t="s">
        <v>78</v>
      </c>
      <c r="D34" s="19">
        <v>51</v>
      </c>
      <c r="E34" s="20">
        <v>37</v>
      </c>
      <c r="F34" s="21">
        <v>14</v>
      </c>
      <c r="G34" s="22" t="s">
        <v>152</v>
      </c>
    </row>
    <row r="35" spans="2:7" x14ac:dyDescent="0.2">
      <c r="B35" s="29"/>
      <c r="C35" s="7"/>
      <c r="D35" s="23">
        <v>100</v>
      </c>
      <c r="E35" s="24">
        <v>72.5</v>
      </c>
      <c r="F35" s="25">
        <v>27.5</v>
      </c>
      <c r="G35" s="26" t="s">
        <v>152</v>
      </c>
    </row>
    <row r="36" spans="2:7" x14ac:dyDescent="0.2">
      <c r="B36" s="29"/>
      <c r="C36" s="2" t="s">
        <v>147</v>
      </c>
      <c r="D36" s="19">
        <v>54</v>
      </c>
      <c r="E36" s="20">
        <v>39</v>
      </c>
      <c r="F36" s="21">
        <v>15</v>
      </c>
      <c r="G36" s="22" t="s">
        <v>152</v>
      </c>
    </row>
    <row r="37" spans="2:7" x14ac:dyDescent="0.2">
      <c r="B37" s="29"/>
      <c r="C37" s="7"/>
      <c r="D37" s="23">
        <v>100</v>
      </c>
      <c r="E37" s="24">
        <v>72.222222222222214</v>
      </c>
      <c r="F37" s="25">
        <v>27.777777777777779</v>
      </c>
      <c r="G37" s="26" t="s">
        <v>152</v>
      </c>
    </row>
    <row r="38" spans="2:7" x14ac:dyDescent="0.2">
      <c r="B38" s="29"/>
      <c r="C38" s="2" t="s">
        <v>80</v>
      </c>
      <c r="D38" s="19">
        <v>116</v>
      </c>
      <c r="E38" s="20">
        <v>61</v>
      </c>
      <c r="F38" s="21">
        <v>52</v>
      </c>
      <c r="G38" s="22">
        <v>3</v>
      </c>
    </row>
    <row r="39" spans="2:7" x14ac:dyDescent="0.2">
      <c r="B39" s="29"/>
      <c r="C39" s="7"/>
      <c r="D39" s="23">
        <v>100</v>
      </c>
      <c r="E39" s="24">
        <v>52.6</v>
      </c>
      <c r="F39" s="25">
        <v>44.8</v>
      </c>
      <c r="G39" s="26">
        <v>2.6</v>
      </c>
    </row>
    <row r="40" spans="2:7" x14ac:dyDescent="0.2">
      <c r="B40" s="29"/>
      <c r="C40" s="2" t="s">
        <v>82</v>
      </c>
      <c r="D40" s="19">
        <v>200</v>
      </c>
      <c r="E40" s="20">
        <v>114</v>
      </c>
      <c r="F40" s="21">
        <v>77</v>
      </c>
      <c r="G40" s="22">
        <v>9</v>
      </c>
    </row>
    <row r="41" spans="2:7" x14ac:dyDescent="0.2">
      <c r="B41" s="29"/>
      <c r="C41" s="7"/>
      <c r="D41" s="23">
        <v>100</v>
      </c>
      <c r="E41" s="24">
        <v>57</v>
      </c>
      <c r="F41" s="25">
        <v>38.5</v>
      </c>
      <c r="G41" s="26">
        <v>4.5</v>
      </c>
    </row>
    <row r="42" spans="2:7" x14ac:dyDescent="0.2">
      <c r="B42" s="29"/>
      <c r="C42" s="2" t="s">
        <v>84</v>
      </c>
      <c r="D42" s="19">
        <v>289</v>
      </c>
      <c r="E42" s="20">
        <v>162</v>
      </c>
      <c r="F42" s="21">
        <v>118</v>
      </c>
      <c r="G42" s="22">
        <v>9</v>
      </c>
    </row>
    <row r="43" spans="2:7" x14ac:dyDescent="0.2">
      <c r="B43" s="29"/>
      <c r="C43" s="7"/>
      <c r="D43" s="23">
        <v>100</v>
      </c>
      <c r="E43" s="24">
        <v>56.1</v>
      </c>
      <c r="F43" s="25">
        <v>40.799999999999997</v>
      </c>
      <c r="G43" s="26">
        <v>3.1</v>
      </c>
    </row>
    <row r="44" spans="2:7" x14ac:dyDescent="0.2">
      <c r="B44" s="29"/>
      <c r="C44" s="2" t="s">
        <v>86</v>
      </c>
      <c r="D44" s="19">
        <v>247</v>
      </c>
      <c r="E44" s="20">
        <v>131</v>
      </c>
      <c r="F44" s="21">
        <v>97</v>
      </c>
      <c r="G44" s="22">
        <v>19</v>
      </c>
    </row>
    <row r="45" spans="2:7" x14ac:dyDescent="0.2">
      <c r="B45" s="29"/>
      <c r="C45" s="7"/>
      <c r="D45" s="23">
        <v>100</v>
      </c>
      <c r="E45" s="24">
        <v>53</v>
      </c>
      <c r="F45" s="25">
        <v>39.299999999999997</v>
      </c>
      <c r="G45" s="26">
        <v>7.7</v>
      </c>
    </row>
    <row r="46" spans="2:7" x14ac:dyDescent="0.2">
      <c r="B46" s="29"/>
      <c r="C46" s="2" t="s">
        <v>88</v>
      </c>
      <c r="D46" s="19">
        <v>125</v>
      </c>
      <c r="E46" s="20">
        <v>56</v>
      </c>
      <c r="F46" s="21">
        <v>59</v>
      </c>
      <c r="G46" s="22">
        <v>10</v>
      </c>
    </row>
    <row r="47" spans="2:7" x14ac:dyDescent="0.2">
      <c r="B47" s="29"/>
      <c r="C47" s="7"/>
      <c r="D47" s="23">
        <v>100</v>
      </c>
      <c r="E47" s="24">
        <v>44.8</v>
      </c>
      <c r="F47" s="25">
        <v>47.2</v>
      </c>
      <c r="G47" s="26">
        <v>8</v>
      </c>
    </row>
    <row r="48" spans="2:7" x14ac:dyDescent="0.2">
      <c r="B48" s="29"/>
      <c r="C48" s="2" t="s">
        <v>90</v>
      </c>
      <c r="D48" s="19">
        <v>150</v>
      </c>
      <c r="E48" s="20">
        <v>65</v>
      </c>
      <c r="F48" s="21">
        <v>62</v>
      </c>
      <c r="G48" s="22">
        <v>23</v>
      </c>
    </row>
    <row r="49" spans="2:7" x14ac:dyDescent="0.2">
      <c r="B49" s="29"/>
      <c r="C49" s="7"/>
      <c r="D49" s="23">
        <v>100</v>
      </c>
      <c r="E49" s="24">
        <v>43.3</v>
      </c>
      <c r="F49" s="25">
        <v>41.3</v>
      </c>
      <c r="G49" s="26">
        <v>15.3</v>
      </c>
    </row>
    <row r="50" spans="2:7" x14ac:dyDescent="0.2">
      <c r="B50" s="29"/>
      <c r="C50" s="2" t="s">
        <v>92</v>
      </c>
      <c r="D50" s="19">
        <v>60</v>
      </c>
      <c r="E50" s="20">
        <v>21</v>
      </c>
      <c r="F50" s="21">
        <v>26</v>
      </c>
      <c r="G50" s="22">
        <v>13</v>
      </c>
    </row>
    <row r="51" spans="2:7" x14ac:dyDescent="0.2">
      <c r="B51" s="29"/>
      <c r="C51" s="10"/>
      <c r="D51" s="23">
        <v>100</v>
      </c>
      <c r="E51" s="24">
        <v>35</v>
      </c>
      <c r="F51" s="25">
        <v>43.3</v>
      </c>
      <c r="G51" s="26">
        <v>21.7</v>
      </c>
    </row>
    <row r="52" spans="2:7" x14ac:dyDescent="0.2">
      <c r="B52" s="28" t="s">
        <v>33</v>
      </c>
      <c r="C52" s="9" t="s">
        <v>12</v>
      </c>
      <c r="D52" s="11">
        <v>1241</v>
      </c>
      <c r="E52" s="12">
        <v>649</v>
      </c>
      <c r="F52" s="13">
        <v>506</v>
      </c>
      <c r="G52" s="14">
        <v>86</v>
      </c>
    </row>
    <row r="53" spans="2:7" x14ac:dyDescent="0.2">
      <c r="B53" s="29"/>
      <c r="C53" s="8"/>
      <c r="D53" s="15">
        <v>100</v>
      </c>
      <c r="E53" s="16">
        <v>52.3</v>
      </c>
      <c r="F53" s="17">
        <v>40.799999999999997</v>
      </c>
      <c r="G53" s="18">
        <v>6.9</v>
      </c>
    </row>
    <row r="54" spans="2:7" x14ac:dyDescent="0.2">
      <c r="B54" s="29"/>
      <c r="C54" s="2" t="s">
        <v>57</v>
      </c>
      <c r="D54" s="19">
        <v>2</v>
      </c>
      <c r="E54" s="20">
        <v>2</v>
      </c>
      <c r="F54" s="21" t="s">
        <v>152</v>
      </c>
      <c r="G54" s="22" t="s">
        <v>152</v>
      </c>
    </row>
    <row r="55" spans="2:7" x14ac:dyDescent="0.2">
      <c r="B55" s="29"/>
      <c r="C55" s="7"/>
      <c r="D55" s="23">
        <v>100</v>
      </c>
      <c r="E55" s="24">
        <v>100</v>
      </c>
      <c r="F55" s="25" t="s">
        <v>152</v>
      </c>
      <c r="G55" s="26" t="s">
        <v>152</v>
      </c>
    </row>
    <row r="56" spans="2:7" x14ac:dyDescent="0.2">
      <c r="B56" s="29"/>
      <c r="C56" s="2" t="s">
        <v>63</v>
      </c>
      <c r="D56" s="19">
        <v>20</v>
      </c>
      <c r="E56" s="20">
        <v>16</v>
      </c>
      <c r="F56" s="21">
        <v>4</v>
      </c>
      <c r="G56" s="22" t="s">
        <v>152</v>
      </c>
    </row>
    <row r="57" spans="2:7" x14ac:dyDescent="0.2">
      <c r="B57" s="29"/>
      <c r="C57" s="7"/>
      <c r="D57" s="23">
        <v>100</v>
      </c>
      <c r="E57" s="24">
        <v>80</v>
      </c>
      <c r="F57" s="25">
        <v>20</v>
      </c>
      <c r="G57" s="26" t="s">
        <v>152</v>
      </c>
    </row>
    <row r="58" spans="2:7" x14ac:dyDescent="0.2">
      <c r="B58" s="29"/>
      <c r="C58" s="2" t="s">
        <v>148</v>
      </c>
      <c r="D58" s="19">
        <v>22</v>
      </c>
      <c r="E58" s="20">
        <v>18</v>
      </c>
      <c r="F58" s="21">
        <v>4</v>
      </c>
      <c r="G58" s="22" t="s">
        <v>152</v>
      </c>
    </row>
    <row r="59" spans="2:7" x14ac:dyDescent="0.2">
      <c r="B59" s="29"/>
      <c r="C59" s="7"/>
      <c r="D59" s="23">
        <v>100</v>
      </c>
      <c r="E59" s="24">
        <v>81.818181818181827</v>
      </c>
      <c r="F59" s="25">
        <v>18.181818181818183</v>
      </c>
      <c r="G59" s="26" t="s">
        <v>152</v>
      </c>
    </row>
    <row r="60" spans="2:7" x14ac:dyDescent="0.2">
      <c r="B60" s="29"/>
      <c r="C60" s="2" t="s">
        <v>64</v>
      </c>
      <c r="D60" s="19">
        <v>51</v>
      </c>
      <c r="E60" s="20">
        <v>32</v>
      </c>
      <c r="F60" s="21">
        <v>17</v>
      </c>
      <c r="G60" s="22">
        <v>2</v>
      </c>
    </row>
    <row r="61" spans="2:7" x14ac:dyDescent="0.2">
      <c r="B61" s="29"/>
      <c r="C61" s="7"/>
      <c r="D61" s="23">
        <v>100</v>
      </c>
      <c r="E61" s="24">
        <v>62.7</v>
      </c>
      <c r="F61" s="25">
        <v>33.299999999999997</v>
      </c>
      <c r="G61" s="26">
        <v>3.9</v>
      </c>
    </row>
    <row r="62" spans="2:7" x14ac:dyDescent="0.2">
      <c r="B62" s="29"/>
      <c r="C62" s="2" t="s">
        <v>65</v>
      </c>
      <c r="D62" s="19">
        <v>88</v>
      </c>
      <c r="E62" s="20">
        <v>50</v>
      </c>
      <c r="F62" s="21">
        <v>36</v>
      </c>
      <c r="G62" s="22">
        <v>2</v>
      </c>
    </row>
    <row r="63" spans="2:7" x14ac:dyDescent="0.2">
      <c r="B63" s="29"/>
      <c r="C63" s="7"/>
      <c r="D63" s="23">
        <v>100</v>
      </c>
      <c r="E63" s="24">
        <v>56.8</v>
      </c>
      <c r="F63" s="25">
        <v>40.9</v>
      </c>
      <c r="G63" s="26">
        <v>2.2999999999999998</v>
      </c>
    </row>
    <row r="64" spans="2:7" x14ac:dyDescent="0.2">
      <c r="B64" s="29"/>
      <c r="C64" s="2" t="s">
        <v>66</v>
      </c>
      <c r="D64" s="19">
        <v>146</v>
      </c>
      <c r="E64" s="20">
        <v>90</v>
      </c>
      <c r="F64" s="21">
        <v>52</v>
      </c>
      <c r="G64" s="22">
        <v>4</v>
      </c>
    </row>
    <row r="65" spans="2:7" x14ac:dyDescent="0.2">
      <c r="B65" s="29"/>
      <c r="C65" s="7"/>
      <c r="D65" s="23">
        <v>100</v>
      </c>
      <c r="E65" s="24">
        <v>61.6</v>
      </c>
      <c r="F65" s="25">
        <v>35.6</v>
      </c>
      <c r="G65" s="26">
        <v>2.7</v>
      </c>
    </row>
    <row r="66" spans="2:7" x14ac:dyDescent="0.2">
      <c r="B66" s="29"/>
      <c r="C66" s="2" t="s">
        <v>67</v>
      </c>
      <c r="D66" s="19">
        <v>133</v>
      </c>
      <c r="E66" s="20">
        <v>79</v>
      </c>
      <c r="F66" s="21">
        <v>46</v>
      </c>
      <c r="G66" s="22">
        <v>8</v>
      </c>
    </row>
    <row r="67" spans="2:7" x14ac:dyDescent="0.2">
      <c r="B67" s="29"/>
      <c r="C67" s="7"/>
      <c r="D67" s="23">
        <v>100</v>
      </c>
      <c r="E67" s="24">
        <v>59.4</v>
      </c>
      <c r="F67" s="25">
        <v>34.6</v>
      </c>
      <c r="G67" s="26">
        <v>6</v>
      </c>
    </row>
    <row r="68" spans="2:7" x14ac:dyDescent="0.2">
      <c r="B68" s="29"/>
      <c r="C68" s="2" t="s">
        <v>58</v>
      </c>
      <c r="D68" s="19">
        <v>57</v>
      </c>
      <c r="E68" s="20">
        <v>28</v>
      </c>
      <c r="F68" s="21">
        <v>25</v>
      </c>
      <c r="G68" s="22">
        <v>4</v>
      </c>
    </row>
    <row r="69" spans="2:7" x14ac:dyDescent="0.2">
      <c r="B69" s="29"/>
      <c r="C69" s="7"/>
      <c r="D69" s="23">
        <v>100</v>
      </c>
      <c r="E69" s="24">
        <v>49.1</v>
      </c>
      <c r="F69" s="25">
        <v>43.9</v>
      </c>
      <c r="G69" s="26">
        <v>7</v>
      </c>
    </row>
    <row r="70" spans="2:7" x14ac:dyDescent="0.2">
      <c r="B70" s="29"/>
      <c r="C70" s="2" t="s">
        <v>68</v>
      </c>
      <c r="D70" s="19">
        <v>65</v>
      </c>
      <c r="E70" s="20">
        <v>28</v>
      </c>
      <c r="F70" s="21">
        <v>31</v>
      </c>
      <c r="G70" s="22">
        <v>6</v>
      </c>
    </row>
    <row r="71" spans="2:7" x14ac:dyDescent="0.2">
      <c r="B71" s="29"/>
      <c r="C71" s="7"/>
      <c r="D71" s="23">
        <v>100</v>
      </c>
      <c r="E71" s="24">
        <v>43.1</v>
      </c>
      <c r="F71" s="25">
        <v>47.7</v>
      </c>
      <c r="G71" s="26">
        <v>9.1999999999999993</v>
      </c>
    </row>
    <row r="72" spans="2:7" x14ac:dyDescent="0.2">
      <c r="B72" s="29"/>
      <c r="C72" s="2" t="s">
        <v>59</v>
      </c>
      <c r="D72" s="19">
        <v>1</v>
      </c>
      <c r="E72" s="20" t="s">
        <v>152</v>
      </c>
      <c r="F72" s="21">
        <v>1</v>
      </c>
      <c r="G72" s="22" t="s">
        <v>152</v>
      </c>
    </row>
    <row r="73" spans="2:7" x14ac:dyDescent="0.2">
      <c r="B73" s="29"/>
      <c r="C73" s="7"/>
      <c r="D73" s="23">
        <v>100</v>
      </c>
      <c r="E73" s="24" t="s">
        <v>152</v>
      </c>
      <c r="F73" s="25">
        <v>100</v>
      </c>
      <c r="G73" s="26" t="s">
        <v>152</v>
      </c>
    </row>
    <row r="74" spans="2:7" x14ac:dyDescent="0.2">
      <c r="B74" s="29"/>
      <c r="C74" s="2" t="s">
        <v>69</v>
      </c>
      <c r="D74" s="19">
        <v>29</v>
      </c>
      <c r="E74" s="20">
        <v>19</v>
      </c>
      <c r="F74" s="21">
        <v>10</v>
      </c>
      <c r="G74" s="22" t="s">
        <v>152</v>
      </c>
    </row>
    <row r="75" spans="2:7" x14ac:dyDescent="0.2">
      <c r="B75" s="29"/>
      <c r="C75" s="7"/>
      <c r="D75" s="23">
        <v>100</v>
      </c>
      <c r="E75" s="24">
        <v>65.5</v>
      </c>
      <c r="F75" s="25">
        <v>34.5</v>
      </c>
      <c r="G75" s="26" t="s">
        <v>152</v>
      </c>
    </row>
    <row r="76" spans="2:7" x14ac:dyDescent="0.2">
      <c r="B76" s="29"/>
      <c r="C76" s="2" t="s">
        <v>149</v>
      </c>
      <c r="D76" s="19">
        <v>30</v>
      </c>
      <c r="E76" s="20">
        <v>19</v>
      </c>
      <c r="F76" s="21">
        <v>11</v>
      </c>
      <c r="G76" s="22" t="s">
        <v>152</v>
      </c>
    </row>
    <row r="77" spans="2:7" x14ac:dyDescent="0.2">
      <c r="B77" s="29"/>
      <c r="C77" s="7"/>
      <c r="D77" s="23">
        <v>100</v>
      </c>
      <c r="E77" s="24">
        <v>63.333333333333329</v>
      </c>
      <c r="F77" s="25">
        <v>36.666666666666664</v>
      </c>
      <c r="G77" s="26" t="s">
        <v>152</v>
      </c>
    </row>
    <row r="78" spans="2:7" x14ac:dyDescent="0.2">
      <c r="B78" s="29"/>
      <c r="C78" s="2" t="s">
        <v>70</v>
      </c>
      <c r="D78" s="19">
        <v>64</v>
      </c>
      <c r="E78" s="20">
        <v>29</v>
      </c>
      <c r="F78" s="21">
        <v>34</v>
      </c>
      <c r="G78" s="22">
        <v>1</v>
      </c>
    </row>
    <row r="79" spans="2:7" x14ac:dyDescent="0.2">
      <c r="B79" s="29"/>
      <c r="C79" s="7"/>
      <c r="D79" s="23">
        <v>100</v>
      </c>
      <c r="E79" s="24">
        <v>45.3</v>
      </c>
      <c r="F79" s="25">
        <v>53.1</v>
      </c>
      <c r="G79" s="26">
        <v>1.6</v>
      </c>
    </row>
    <row r="80" spans="2:7" x14ac:dyDescent="0.2">
      <c r="B80" s="29"/>
      <c r="C80" s="2" t="s">
        <v>71</v>
      </c>
      <c r="D80" s="19">
        <v>112</v>
      </c>
      <c r="E80" s="20">
        <v>64</v>
      </c>
      <c r="F80" s="21">
        <v>41</v>
      </c>
      <c r="G80" s="22">
        <v>7</v>
      </c>
    </row>
    <row r="81" spans="2:7" x14ac:dyDescent="0.2">
      <c r="B81" s="29"/>
      <c r="C81" s="7"/>
      <c r="D81" s="23">
        <v>100</v>
      </c>
      <c r="E81" s="24">
        <v>57.1</v>
      </c>
      <c r="F81" s="25">
        <v>36.6</v>
      </c>
      <c r="G81" s="26">
        <v>6.3</v>
      </c>
    </row>
    <row r="82" spans="2:7" x14ac:dyDescent="0.2">
      <c r="B82" s="29"/>
      <c r="C82" s="2" t="s">
        <v>72</v>
      </c>
      <c r="D82" s="19">
        <v>137</v>
      </c>
      <c r="E82" s="20">
        <v>71</v>
      </c>
      <c r="F82" s="21">
        <v>61</v>
      </c>
      <c r="G82" s="22">
        <v>5</v>
      </c>
    </row>
    <row r="83" spans="2:7" x14ac:dyDescent="0.2">
      <c r="B83" s="29"/>
      <c r="C83" s="7"/>
      <c r="D83" s="23">
        <v>100</v>
      </c>
      <c r="E83" s="24">
        <v>51.8</v>
      </c>
      <c r="F83" s="25">
        <v>44.5</v>
      </c>
      <c r="G83" s="26">
        <v>3.6</v>
      </c>
    </row>
    <row r="84" spans="2:7" x14ac:dyDescent="0.2">
      <c r="B84" s="29"/>
      <c r="C84" s="2" t="s">
        <v>73</v>
      </c>
      <c r="D84" s="19">
        <v>112</v>
      </c>
      <c r="E84" s="20">
        <v>50</v>
      </c>
      <c r="F84" s="21">
        <v>51</v>
      </c>
      <c r="G84" s="22">
        <v>11</v>
      </c>
    </row>
    <row r="85" spans="2:7" x14ac:dyDescent="0.2">
      <c r="B85" s="29"/>
      <c r="C85" s="7"/>
      <c r="D85" s="23">
        <v>100</v>
      </c>
      <c r="E85" s="24">
        <v>44.6</v>
      </c>
      <c r="F85" s="25">
        <v>45.5</v>
      </c>
      <c r="G85" s="26">
        <v>9.8000000000000007</v>
      </c>
    </row>
    <row r="86" spans="2:7" x14ac:dyDescent="0.2">
      <c r="B86" s="29"/>
      <c r="C86" s="2" t="s">
        <v>60</v>
      </c>
      <c r="D86" s="19">
        <v>66</v>
      </c>
      <c r="E86" s="20">
        <v>27</v>
      </c>
      <c r="F86" s="21">
        <v>33</v>
      </c>
      <c r="G86" s="22">
        <v>6</v>
      </c>
    </row>
    <row r="87" spans="2:7" x14ac:dyDescent="0.2">
      <c r="B87" s="29"/>
      <c r="C87" s="7"/>
      <c r="D87" s="23">
        <v>100</v>
      </c>
      <c r="E87" s="24">
        <v>40.9</v>
      </c>
      <c r="F87" s="25">
        <v>50</v>
      </c>
      <c r="G87" s="26">
        <v>9.1</v>
      </c>
    </row>
    <row r="88" spans="2:7" x14ac:dyDescent="0.2">
      <c r="B88" s="29"/>
      <c r="C88" s="2" t="s">
        <v>74</v>
      </c>
      <c r="D88" s="19">
        <v>83</v>
      </c>
      <c r="E88" s="20">
        <v>36</v>
      </c>
      <c r="F88" s="21">
        <v>30</v>
      </c>
      <c r="G88" s="22">
        <v>17</v>
      </c>
    </row>
    <row r="89" spans="2:7" x14ac:dyDescent="0.2">
      <c r="B89" s="29"/>
      <c r="C89" s="7"/>
      <c r="D89" s="23">
        <v>100</v>
      </c>
      <c r="E89" s="24">
        <v>43.4</v>
      </c>
      <c r="F89" s="25">
        <v>36.1</v>
      </c>
      <c r="G89" s="26">
        <v>20.5</v>
      </c>
    </row>
    <row r="90" spans="2:7" x14ac:dyDescent="0.2">
      <c r="B90" s="29"/>
      <c r="C90" s="2" t="s">
        <v>0</v>
      </c>
      <c r="D90" s="19">
        <v>75</v>
      </c>
      <c r="E90" s="20">
        <v>28</v>
      </c>
      <c r="F90" s="21">
        <v>34</v>
      </c>
      <c r="G90" s="22">
        <v>13</v>
      </c>
    </row>
    <row r="91" spans="2:7" x14ac:dyDescent="0.2">
      <c r="B91" s="29"/>
      <c r="C91" s="7"/>
      <c r="D91" s="23">
        <v>100</v>
      </c>
      <c r="E91" s="24">
        <v>37.299999999999997</v>
      </c>
      <c r="F91" s="25">
        <v>45.3</v>
      </c>
      <c r="G91" s="26">
        <v>17.3</v>
      </c>
    </row>
    <row r="92" spans="2:7" x14ac:dyDescent="0.2">
      <c r="B92" s="28" t="s">
        <v>32</v>
      </c>
      <c r="C92" s="9" t="s">
        <v>12</v>
      </c>
      <c r="D92" s="11">
        <v>1241</v>
      </c>
      <c r="E92" s="12">
        <v>649</v>
      </c>
      <c r="F92" s="13">
        <v>506</v>
      </c>
      <c r="G92" s="14">
        <v>86</v>
      </c>
    </row>
    <row r="93" spans="2:7" x14ac:dyDescent="0.2">
      <c r="B93" s="29"/>
      <c r="C93" s="8"/>
      <c r="D93" s="15">
        <v>100</v>
      </c>
      <c r="E93" s="16">
        <v>52.3</v>
      </c>
      <c r="F93" s="17">
        <v>40.799999999999997</v>
      </c>
      <c r="G93" s="18">
        <v>6.9</v>
      </c>
    </row>
    <row r="94" spans="2:7" x14ac:dyDescent="0.2">
      <c r="B94" s="29"/>
      <c r="C94" s="2" t="s">
        <v>21</v>
      </c>
      <c r="D94" s="19">
        <v>65</v>
      </c>
      <c r="E94" s="20">
        <v>40</v>
      </c>
      <c r="F94" s="21">
        <v>21</v>
      </c>
      <c r="G94" s="22">
        <v>4</v>
      </c>
    </row>
    <row r="95" spans="2:7" x14ac:dyDescent="0.2">
      <c r="B95" s="29"/>
      <c r="C95" s="7"/>
      <c r="D95" s="23">
        <v>100</v>
      </c>
      <c r="E95" s="24">
        <v>61.5</v>
      </c>
      <c r="F95" s="25">
        <v>32.299999999999997</v>
      </c>
      <c r="G95" s="26">
        <v>6.2</v>
      </c>
    </row>
    <row r="96" spans="2:7" x14ac:dyDescent="0.2">
      <c r="B96" s="29"/>
      <c r="C96" s="2" t="s">
        <v>20</v>
      </c>
      <c r="D96" s="19">
        <v>7</v>
      </c>
      <c r="E96" s="20">
        <v>3</v>
      </c>
      <c r="F96" s="21">
        <v>3</v>
      </c>
      <c r="G96" s="22">
        <v>1</v>
      </c>
    </row>
    <row r="97" spans="2:7" x14ac:dyDescent="0.2">
      <c r="B97" s="29"/>
      <c r="C97" s="7"/>
      <c r="D97" s="23">
        <v>100</v>
      </c>
      <c r="E97" s="24">
        <v>42.9</v>
      </c>
      <c r="F97" s="25">
        <v>42.9</v>
      </c>
      <c r="G97" s="26">
        <v>14.3</v>
      </c>
    </row>
    <row r="98" spans="2:7" x14ac:dyDescent="0.2">
      <c r="B98" s="29"/>
      <c r="C98" s="2" t="s">
        <v>19</v>
      </c>
      <c r="D98" s="19">
        <v>484</v>
      </c>
      <c r="E98" s="20">
        <v>284</v>
      </c>
      <c r="F98" s="21">
        <v>186</v>
      </c>
      <c r="G98" s="22">
        <v>14</v>
      </c>
    </row>
    <row r="99" spans="2:7" x14ac:dyDescent="0.2">
      <c r="B99" s="29"/>
      <c r="C99" s="7"/>
      <c r="D99" s="23">
        <v>100</v>
      </c>
      <c r="E99" s="24">
        <v>58.7</v>
      </c>
      <c r="F99" s="25">
        <v>38.4</v>
      </c>
      <c r="G99" s="26">
        <v>2.9</v>
      </c>
    </row>
    <row r="100" spans="2:7" x14ac:dyDescent="0.2">
      <c r="B100" s="29"/>
      <c r="C100" s="2" t="s">
        <v>18</v>
      </c>
      <c r="D100" s="19">
        <v>195</v>
      </c>
      <c r="E100" s="20">
        <v>96</v>
      </c>
      <c r="F100" s="21">
        <v>86</v>
      </c>
      <c r="G100" s="22">
        <v>13</v>
      </c>
    </row>
    <row r="101" spans="2:7" x14ac:dyDescent="0.2">
      <c r="B101" s="29"/>
      <c r="C101" s="7"/>
      <c r="D101" s="23">
        <v>100</v>
      </c>
      <c r="E101" s="24">
        <v>49.2</v>
      </c>
      <c r="F101" s="25">
        <v>44.1</v>
      </c>
      <c r="G101" s="26">
        <v>6.7</v>
      </c>
    </row>
    <row r="102" spans="2:7" x14ac:dyDescent="0.2">
      <c r="B102" s="29"/>
      <c r="C102" s="2" t="s">
        <v>17</v>
      </c>
      <c r="D102" s="19">
        <v>1</v>
      </c>
      <c r="E102" s="20" t="s">
        <v>152</v>
      </c>
      <c r="F102" s="21">
        <v>1</v>
      </c>
      <c r="G102" s="22" t="s">
        <v>152</v>
      </c>
    </row>
    <row r="103" spans="2:7" x14ac:dyDescent="0.2">
      <c r="B103" s="29"/>
      <c r="C103" s="7"/>
      <c r="D103" s="23">
        <v>100</v>
      </c>
      <c r="E103" s="24" t="s">
        <v>152</v>
      </c>
      <c r="F103" s="25">
        <v>100</v>
      </c>
      <c r="G103" s="26" t="s">
        <v>152</v>
      </c>
    </row>
    <row r="104" spans="2:7" x14ac:dyDescent="0.2">
      <c r="B104" s="29"/>
      <c r="C104" s="2" t="s">
        <v>151</v>
      </c>
      <c r="D104" s="19">
        <v>178</v>
      </c>
      <c r="E104" s="20">
        <v>74</v>
      </c>
      <c r="F104" s="21">
        <v>87</v>
      </c>
      <c r="G104" s="22">
        <v>17</v>
      </c>
    </row>
    <row r="105" spans="2:7" x14ac:dyDescent="0.2">
      <c r="B105" s="29"/>
      <c r="C105" s="7"/>
      <c r="D105" s="23">
        <v>100</v>
      </c>
      <c r="E105" s="24">
        <v>41.6</v>
      </c>
      <c r="F105" s="25">
        <v>48.9</v>
      </c>
      <c r="G105" s="26">
        <v>9.6</v>
      </c>
    </row>
    <row r="106" spans="2:7" x14ac:dyDescent="0.2">
      <c r="B106" s="29"/>
      <c r="C106" s="2" t="s">
        <v>16</v>
      </c>
      <c r="D106" s="19">
        <v>10</v>
      </c>
      <c r="E106" s="20">
        <v>8</v>
      </c>
      <c r="F106" s="21">
        <v>2</v>
      </c>
      <c r="G106" s="22" t="s">
        <v>152</v>
      </c>
    </row>
    <row r="107" spans="2:7" x14ac:dyDescent="0.2">
      <c r="B107" s="29"/>
      <c r="C107" s="7"/>
      <c r="D107" s="23">
        <v>100</v>
      </c>
      <c r="E107" s="24">
        <v>80</v>
      </c>
      <c r="F107" s="25">
        <v>20</v>
      </c>
      <c r="G107" s="26" t="s">
        <v>152</v>
      </c>
    </row>
    <row r="108" spans="2:7" x14ac:dyDescent="0.2">
      <c r="B108" s="29"/>
      <c r="C108" s="2" t="s">
        <v>15</v>
      </c>
      <c r="D108" s="19">
        <v>211</v>
      </c>
      <c r="E108" s="20">
        <v>107</v>
      </c>
      <c r="F108" s="21">
        <v>85</v>
      </c>
      <c r="G108" s="22">
        <v>19</v>
      </c>
    </row>
    <row r="109" spans="2:7" x14ac:dyDescent="0.2">
      <c r="B109" s="29"/>
      <c r="C109" s="7"/>
      <c r="D109" s="23">
        <v>100</v>
      </c>
      <c r="E109" s="24">
        <v>50.7</v>
      </c>
      <c r="F109" s="25">
        <v>40.299999999999997</v>
      </c>
      <c r="G109" s="26">
        <v>9</v>
      </c>
    </row>
    <row r="110" spans="2:7" x14ac:dyDescent="0.2">
      <c r="B110" s="29"/>
      <c r="C110" s="2" t="s">
        <v>14</v>
      </c>
      <c r="D110" s="19">
        <v>12</v>
      </c>
      <c r="E110" s="20">
        <v>6</v>
      </c>
      <c r="F110" s="21">
        <v>5</v>
      </c>
      <c r="G110" s="22">
        <v>1</v>
      </c>
    </row>
    <row r="111" spans="2:7" x14ac:dyDescent="0.2">
      <c r="B111" s="29"/>
      <c r="C111" s="7"/>
      <c r="D111" s="23">
        <v>100</v>
      </c>
      <c r="E111" s="24">
        <v>50</v>
      </c>
      <c r="F111" s="25">
        <v>41.7</v>
      </c>
      <c r="G111" s="26">
        <v>8.3000000000000007</v>
      </c>
    </row>
    <row r="112" spans="2:7" x14ac:dyDescent="0.2">
      <c r="B112" s="29"/>
      <c r="C112" s="2" t="s">
        <v>13</v>
      </c>
      <c r="D112" s="19">
        <v>78</v>
      </c>
      <c r="E112" s="20">
        <v>31</v>
      </c>
      <c r="F112" s="21">
        <v>30</v>
      </c>
      <c r="G112" s="22">
        <v>17</v>
      </c>
    </row>
    <row r="113" spans="2:7" x14ac:dyDescent="0.2">
      <c r="B113" s="30"/>
      <c r="C113" s="10"/>
      <c r="D113" s="15">
        <v>100</v>
      </c>
      <c r="E113" s="16">
        <v>39.700000000000003</v>
      </c>
      <c r="F113" s="17">
        <v>38.5</v>
      </c>
      <c r="G113" s="18">
        <v>21.8</v>
      </c>
    </row>
    <row r="114" spans="2:7" x14ac:dyDescent="0.2">
      <c r="B114" s="28" t="s">
        <v>31</v>
      </c>
      <c r="C114" s="9" t="s">
        <v>12</v>
      </c>
      <c r="D114" s="11">
        <v>752</v>
      </c>
      <c r="E114" s="12">
        <v>423</v>
      </c>
      <c r="F114" s="13">
        <v>297</v>
      </c>
      <c r="G114" s="14">
        <v>32</v>
      </c>
    </row>
    <row r="115" spans="2:7" x14ac:dyDescent="0.2">
      <c r="B115" s="29"/>
      <c r="C115" s="8"/>
      <c r="D115" s="15">
        <v>100</v>
      </c>
      <c r="E115" s="16">
        <v>56.3</v>
      </c>
      <c r="F115" s="17">
        <v>39.5</v>
      </c>
      <c r="G115" s="18">
        <v>4.3</v>
      </c>
    </row>
    <row r="116" spans="2:7" x14ac:dyDescent="0.2">
      <c r="B116" s="29"/>
      <c r="C116" s="2" t="s">
        <v>11</v>
      </c>
      <c r="D116" s="19">
        <v>2</v>
      </c>
      <c r="E116" s="20" t="s">
        <v>152</v>
      </c>
      <c r="F116" s="21">
        <v>2</v>
      </c>
      <c r="G116" s="22" t="s">
        <v>152</v>
      </c>
    </row>
    <row r="117" spans="2:7" x14ac:dyDescent="0.2">
      <c r="B117" s="29"/>
      <c r="C117" s="7"/>
      <c r="D117" s="23">
        <v>100</v>
      </c>
      <c r="E117" s="24" t="s">
        <v>152</v>
      </c>
      <c r="F117" s="25">
        <v>100</v>
      </c>
      <c r="G117" s="26" t="s">
        <v>152</v>
      </c>
    </row>
    <row r="118" spans="2:7" x14ac:dyDescent="0.2">
      <c r="B118" s="29"/>
      <c r="C118" s="2" t="s">
        <v>10</v>
      </c>
      <c r="D118" s="19">
        <v>32</v>
      </c>
      <c r="E118" s="20">
        <v>21</v>
      </c>
      <c r="F118" s="21">
        <v>9</v>
      </c>
      <c r="G118" s="22">
        <v>2</v>
      </c>
    </row>
    <row r="119" spans="2:7" x14ac:dyDescent="0.2">
      <c r="B119" s="29"/>
      <c r="C119" s="7"/>
      <c r="D119" s="23">
        <v>100</v>
      </c>
      <c r="E119" s="24">
        <v>65.599999999999994</v>
      </c>
      <c r="F119" s="25">
        <v>28.1</v>
      </c>
      <c r="G119" s="26">
        <v>6.3</v>
      </c>
    </row>
    <row r="120" spans="2:7" x14ac:dyDescent="0.2">
      <c r="B120" s="29"/>
      <c r="C120" s="2" t="s">
        <v>9</v>
      </c>
      <c r="D120" s="19">
        <v>33</v>
      </c>
      <c r="E120" s="20">
        <v>19</v>
      </c>
      <c r="F120" s="21">
        <v>12</v>
      </c>
      <c r="G120" s="22">
        <v>2</v>
      </c>
    </row>
    <row r="121" spans="2:7" x14ac:dyDescent="0.2">
      <c r="B121" s="29"/>
      <c r="C121" s="7"/>
      <c r="D121" s="23">
        <v>100</v>
      </c>
      <c r="E121" s="24">
        <v>57.6</v>
      </c>
      <c r="F121" s="25">
        <v>36.4</v>
      </c>
      <c r="G121" s="26">
        <v>6.1</v>
      </c>
    </row>
    <row r="122" spans="2:7" x14ac:dyDescent="0.2">
      <c r="B122" s="29"/>
      <c r="C122" s="2" t="s">
        <v>8</v>
      </c>
      <c r="D122" s="19">
        <v>71</v>
      </c>
      <c r="E122" s="20">
        <v>40</v>
      </c>
      <c r="F122" s="21">
        <v>30</v>
      </c>
      <c r="G122" s="22">
        <v>1</v>
      </c>
    </row>
    <row r="123" spans="2:7" x14ac:dyDescent="0.2">
      <c r="B123" s="29"/>
      <c r="C123" s="7"/>
      <c r="D123" s="23">
        <v>100</v>
      </c>
      <c r="E123" s="24">
        <v>56.3</v>
      </c>
      <c r="F123" s="25">
        <v>42.3</v>
      </c>
      <c r="G123" s="26">
        <v>1.4</v>
      </c>
    </row>
    <row r="124" spans="2:7" x14ac:dyDescent="0.2">
      <c r="B124" s="29"/>
      <c r="C124" s="2" t="s">
        <v>7</v>
      </c>
      <c r="D124" s="19">
        <v>152</v>
      </c>
      <c r="E124" s="20">
        <v>92</v>
      </c>
      <c r="F124" s="21">
        <v>53</v>
      </c>
      <c r="G124" s="22">
        <v>7</v>
      </c>
    </row>
    <row r="125" spans="2:7" x14ac:dyDescent="0.2">
      <c r="B125" s="29"/>
      <c r="C125" s="7"/>
      <c r="D125" s="23">
        <v>100</v>
      </c>
      <c r="E125" s="24">
        <v>60.5</v>
      </c>
      <c r="F125" s="25">
        <v>34.9</v>
      </c>
      <c r="G125" s="26">
        <v>4.5999999999999996</v>
      </c>
    </row>
    <row r="126" spans="2:7" x14ac:dyDescent="0.2">
      <c r="B126" s="29"/>
      <c r="C126" s="2" t="s">
        <v>6</v>
      </c>
      <c r="D126" s="19">
        <v>176</v>
      </c>
      <c r="E126" s="20">
        <v>99</v>
      </c>
      <c r="F126" s="21">
        <v>70</v>
      </c>
      <c r="G126" s="22">
        <v>7</v>
      </c>
    </row>
    <row r="127" spans="2:7" x14ac:dyDescent="0.2">
      <c r="B127" s="29"/>
      <c r="C127" s="7"/>
      <c r="D127" s="23">
        <v>100</v>
      </c>
      <c r="E127" s="24">
        <v>56.3</v>
      </c>
      <c r="F127" s="25">
        <v>39.799999999999997</v>
      </c>
      <c r="G127" s="26">
        <v>4</v>
      </c>
    </row>
    <row r="128" spans="2:7" x14ac:dyDescent="0.2">
      <c r="B128" s="29"/>
      <c r="C128" s="2" t="s">
        <v>5</v>
      </c>
      <c r="D128" s="19">
        <v>37</v>
      </c>
      <c r="E128" s="20">
        <v>20</v>
      </c>
      <c r="F128" s="21">
        <v>16</v>
      </c>
      <c r="G128" s="22">
        <v>1</v>
      </c>
    </row>
    <row r="129" spans="2:7" x14ac:dyDescent="0.2">
      <c r="B129" s="29"/>
      <c r="C129" s="7"/>
      <c r="D129" s="23">
        <v>100</v>
      </c>
      <c r="E129" s="24">
        <v>54.1</v>
      </c>
      <c r="F129" s="25">
        <v>43.2</v>
      </c>
      <c r="G129" s="26">
        <v>2.7</v>
      </c>
    </row>
    <row r="130" spans="2:7" x14ac:dyDescent="0.2">
      <c r="B130" s="29"/>
      <c r="C130" s="2" t="s">
        <v>4</v>
      </c>
      <c r="D130" s="19">
        <v>67</v>
      </c>
      <c r="E130" s="20">
        <v>49</v>
      </c>
      <c r="F130" s="21">
        <v>18</v>
      </c>
      <c r="G130" s="22" t="s">
        <v>152</v>
      </c>
    </row>
    <row r="131" spans="2:7" x14ac:dyDescent="0.2">
      <c r="B131" s="29"/>
      <c r="C131" s="7"/>
      <c r="D131" s="23">
        <v>100</v>
      </c>
      <c r="E131" s="24">
        <v>73.099999999999994</v>
      </c>
      <c r="F131" s="25">
        <v>26.9</v>
      </c>
      <c r="G131" s="26" t="s">
        <v>152</v>
      </c>
    </row>
    <row r="132" spans="2:7" x14ac:dyDescent="0.2">
      <c r="B132" s="29"/>
      <c r="C132" s="2" t="s">
        <v>3</v>
      </c>
      <c r="D132" s="19">
        <v>159</v>
      </c>
      <c r="E132" s="20">
        <v>70</v>
      </c>
      <c r="F132" s="21">
        <v>79</v>
      </c>
      <c r="G132" s="22">
        <v>10</v>
      </c>
    </row>
    <row r="133" spans="2:7" x14ac:dyDescent="0.2">
      <c r="B133" s="29"/>
      <c r="C133" s="7"/>
      <c r="D133" s="23">
        <v>100</v>
      </c>
      <c r="E133" s="24">
        <v>44</v>
      </c>
      <c r="F133" s="25">
        <v>49.7</v>
      </c>
      <c r="G133" s="26">
        <v>6.3</v>
      </c>
    </row>
    <row r="134" spans="2:7" x14ac:dyDescent="0.2">
      <c r="B134" s="29"/>
      <c r="C134" s="2" t="s">
        <v>2</v>
      </c>
      <c r="D134" s="19">
        <v>23</v>
      </c>
      <c r="E134" s="20">
        <v>13</v>
      </c>
      <c r="F134" s="21">
        <v>8</v>
      </c>
      <c r="G134" s="22">
        <v>2</v>
      </c>
    </row>
    <row r="135" spans="2:7" x14ac:dyDescent="0.2">
      <c r="B135" s="30"/>
      <c r="C135" s="10"/>
      <c r="D135" s="15">
        <v>100</v>
      </c>
      <c r="E135" s="16">
        <v>56.5</v>
      </c>
      <c r="F135" s="17">
        <v>34.799999999999997</v>
      </c>
      <c r="G135" s="18">
        <v>8.699999999999999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6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55</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649</v>
      </c>
      <c r="F4" s="13">
        <v>506</v>
      </c>
      <c r="G4" s="14">
        <v>86</v>
      </c>
    </row>
    <row r="5" spans="2:7" x14ac:dyDescent="0.2">
      <c r="B5" s="29"/>
      <c r="C5" s="8"/>
      <c r="D5" s="15">
        <v>100</v>
      </c>
      <c r="E5" s="16">
        <v>52.3</v>
      </c>
      <c r="F5" s="17">
        <v>40.799999999999997</v>
      </c>
      <c r="G5" s="18">
        <v>6.9</v>
      </c>
    </row>
    <row r="6" spans="2:7" x14ac:dyDescent="0.2">
      <c r="B6" s="29"/>
      <c r="C6" s="2" t="s">
        <v>52</v>
      </c>
      <c r="D6" s="19">
        <v>557</v>
      </c>
      <c r="E6" s="20">
        <v>274</v>
      </c>
      <c r="F6" s="21">
        <v>236</v>
      </c>
      <c r="G6" s="22">
        <v>47</v>
      </c>
    </row>
    <row r="7" spans="2:7" x14ac:dyDescent="0.2">
      <c r="B7" s="29"/>
      <c r="C7" s="7"/>
      <c r="D7" s="23">
        <v>100</v>
      </c>
      <c r="E7" s="24">
        <v>49.2</v>
      </c>
      <c r="F7" s="25">
        <v>42.4</v>
      </c>
      <c r="G7" s="26">
        <v>8.4</v>
      </c>
    </row>
    <row r="8" spans="2:7" x14ac:dyDescent="0.2">
      <c r="B8" s="29"/>
      <c r="C8" s="2" t="s">
        <v>51</v>
      </c>
      <c r="D8" s="19">
        <v>595</v>
      </c>
      <c r="E8" s="20">
        <v>335</v>
      </c>
      <c r="F8" s="21">
        <v>236</v>
      </c>
      <c r="G8" s="22">
        <v>24</v>
      </c>
    </row>
    <row r="9" spans="2:7" x14ac:dyDescent="0.2">
      <c r="B9" s="29"/>
      <c r="C9" s="7"/>
      <c r="D9" s="23">
        <v>100</v>
      </c>
      <c r="E9" s="24">
        <v>56.3</v>
      </c>
      <c r="F9" s="25">
        <v>39.700000000000003</v>
      </c>
      <c r="G9" s="26">
        <v>4</v>
      </c>
    </row>
    <row r="10" spans="2:7" x14ac:dyDescent="0.2">
      <c r="B10" s="29"/>
      <c r="C10" s="2" t="s">
        <v>13</v>
      </c>
      <c r="D10" s="19">
        <v>89</v>
      </c>
      <c r="E10" s="20">
        <v>40</v>
      </c>
      <c r="F10" s="21">
        <v>34</v>
      </c>
      <c r="G10" s="22">
        <v>15</v>
      </c>
    </row>
    <row r="11" spans="2:7" x14ac:dyDescent="0.2">
      <c r="B11" s="30"/>
      <c r="C11" s="10"/>
      <c r="D11" s="15">
        <v>100</v>
      </c>
      <c r="E11" s="16">
        <v>44.9</v>
      </c>
      <c r="F11" s="17">
        <v>38.200000000000003</v>
      </c>
      <c r="G11" s="18">
        <v>16.899999999999999</v>
      </c>
    </row>
    <row r="12" spans="2:7" x14ac:dyDescent="0.2">
      <c r="B12" s="28" t="s">
        <v>54</v>
      </c>
      <c r="C12" s="9" t="s">
        <v>12</v>
      </c>
      <c r="D12" s="11">
        <v>1241</v>
      </c>
      <c r="E12" s="12">
        <v>649</v>
      </c>
      <c r="F12" s="13">
        <v>506</v>
      </c>
      <c r="G12" s="14">
        <v>86</v>
      </c>
    </row>
    <row r="13" spans="2:7" x14ac:dyDescent="0.2">
      <c r="B13" s="29"/>
      <c r="C13" s="8"/>
      <c r="D13" s="15">
        <v>100</v>
      </c>
      <c r="E13" s="16">
        <v>52.3</v>
      </c>
      <c r="F13" s="17">
        <v>40.799999999999997</v>
      </c>
      <c r="G13" s="18">
        <v>6.9</v>
      </c>
    </row>
    <row r="14" spans="2:7" x14ac:dyDescent="0.2">
      <c r="B14" s="29"/>
      <c r="C14" s="2" t="s">
        <v>50</v>
      </c>
      <c r="D14" s="19">
        <v>84</v>
      </c>
      <c r="E14" s="20">
        <v>46</v>
      </c>
      <c r="F14" s="21">
        <v>38</v>
      </c>
      <c r="G14" s="22" t="s">
        <v>152</v>
      </c>
    </row>
    <row r="15" spans="2:7" x14ac:dyDescent="0.2">
      <c r="B15" s="29"/>
      <c r="C15" s="7"/>
      <c r="D15" s="23">
        <v>100</v>
      </c>
      <c r="E15" s="24">
        <v>54.8</v>
      </c>
      <c r="F15" s="25">
        <v>45.2</v>
      </c>
      <c r="G15" s="26" t="s">
        <v>152</v>
      </c>
    </row>
    <row r="16" spans="2:7" x14ac:dyDescent="0.2">
      <c r="B16" s="29"/>
      <c r="C16" s="2" t="s">
        <v>49</v>
      </c>
      <c r="D16" s="19">
        <v>97</v>
      </c>
      <c r="E16" s="20">
        <v>60</v>
      </c>
      <c r="F16" s="21">
        <v>36</v>
      </c>
      <c r="G16" s="22">
        <v>1</v>
      </c>
    </row>
    <row r="17" spans="2:7" x14ac:dyDescent="0.2">
      <c r="B17" s="29"/>
      <c r="C17" s="7"/>
      <c r="D17" s="23">
        <v>100</v>
      </c>
      <c r="E17" s="24">
        <v>61.9</v>
      </c>
      <c r="F17" s="25">
        <v>37.1</v>
      </c>
      <c r="G17" s="26">
        <v>1</v>
      </c>
    </row>
    <row r="18" spans="2:7" x14ac:dyDescent="0.2">
      <c r="B18" s="29"/>
      <c r="C18" s="2" t="s">
        <v>48</v>
      </c>
      <c r="D18" s="19">
        <v>79</v>
      </c>
      <c r="E18" s="20">
        <v>54</v>
      </c>
      <c r="F18" s="21">
        <v>22</v>
      </c>
      <c r="G18" s="22">
        <v>3</v>
      </c>
    </row>
    <row r="19" spans="2:7" x14ac:dyDescent="0.2">
      <c r="B19" s="29"/>
      <c r="C19" s="7"/>
      <c r="D19" s="23">
        <v>100</v>
      </c>
      <c r="E19" s="24">
        <v>68.400000000000006</v>
      </c>
      <c r="F19" s="25">
        <v>27.8</v>
      </c>
      <c r="G19" s="26">
        <v>3.8</v>
      </c>
    </row>
    <row r="20" spans="2:7" x14ac:dyDescent="0.2">
      <c r="B20" s="29"/>
      <c r="C20" s="2" t="s">
        <v>47</v>
      </c>
      <c r="D20" s="19">
        <v>72</v>
      </c>
      <c r="E20" s="20">
        <v>42</v>
      </c>
      <c r="F20" s="21">
        <v>29</v>
      </c>
      <c r="G20" s="22">
        <v>1</v>
      </c>
    </row>
    <row r="21" spans="2:7" x14ac:dyDescent="0.2">
      <c r="B21" s="29"/>
      <c r="C21" s="7"/>
      <c r="D21" s="23">
        <v>100</v>
      </c>
      <c r="E21" s="24">
        <v>58.3</v>
      </c>
      <c r="F21" s="25">
        <v>40.299999999999997</v>
      </c>
      <c r="G21" s="26">
        <v>1.4</v>
      </c>
    </row>
    <row r="22" spans="2:7" x14ac:dyDescent="0.2">
      <c r="B22" s="29"/>
      <c r="C22" s="2" t="s">
        <v>46</v>
      </c>
      <c r="D22" s="19">
        <v>15</v>
      </c>
      <c r="E22" s="20">
        <v>2</v>
      </c>
      <c r="F22" s="21">
        <v>12</v>
      </c>
      <c r="G22" s="22">
        <v>1</v>
      </c>
    </row>
    <row r="23" spans="2:7" x14ac:dyDescent="0.2">
      <c r="B23" s="29"/>
      <c r="C23" s="7"/>
      <c r="D23" s="23">
        <v>100</v>
      </c>
      <c r="E23" s="24">
        <v>13.3</v>
      </c>
      <c r="F23" s="25">
        <v>80</v>
      </c>
      <c r="G23" s="26">
        <v>6.7</v>
      </c>
    </row>
    <row r="24" spans="2:7" x14ac:dyDescent="0.2">
      <c r="B24" s="29"/>
      <c r="C24" s="2" t="s">
        <v>45</v>
      </c>
      <c r="D24" s="19">
        <v>77</v>
      </c>
      <c r="E24" s="20">
        <v>44</v>
      </c>
      <c r="F24" s="21">
        <v>29</v>
      </c>
      <c r="G24" s="22">
        <v>4</v>
      </c>
    </row>
    <row r="25" spans="2:7" x14ac:dyDescent="0.2">
      <c r="B25" s="29"/>
      <c r="C25" s="7"/>
      <c r="D25" s="23">
        <v>100</v>
      </c>
      <c r="E25" s="24">
        <v>57.1</v>
      </c>
      <c r="F25" s="25">
        <v>37.700000000000003</v>
      </c>
      <c r="G25" s="26">
        <v>5.2</v>
      </c>
    </row>
    <row r="26" spans="2:7" x14ac:dyDescent="0.2">
      <c r="B26" s="29"/>
      <c r="C26" s="2" t="s">
        <v>44</v>
      </c>
      <c r="D26" s="19">
        <v>260</v>
      </c>
      <c r="E26" s="20">
        <v>130</v>
      </c>
      <c r="F26" s="21">
        <v>104</v>
      </c>
      <c r="G26" s="22">
        <v>26</v>
      </c>
    </row>
    <row r="27" spans="2:7" x14ac:dyDescent="0.2">
      <c r="B27" s="29"/>
      <c r="C27" s="7"/>
      <c r="D27" s="23">
        <v>100</v>
      </c>
      <c r="E27" s="24">
        <v>50</v>
      </c>
      <c r="F27" s="25">
        <v>40</v>
      </c>
      <c r="G27" s="26">
        <v>10</v>
      </c>
    </row>
    <row r="28" spans="2:7" x14ac:dyDescent="0.2">
      <c r="B28" s="29"/>
      <c r="C28" s="2" t="s">
        <v>43</v>
      </c>
      <c r="D28" s="19">
        <v>334</v>
      </c>
      <c r="E28" s="20">
        <v>162</v>
      </c>
      <c r="F28" s="21">
        <v>146</v>
      </c>
      <c r="G28" s="22">
        <v>26</v>
      </c>
    </row>
    <row r="29" spans="2:7" x14ac:dyDescent="0.2">
      <c r="B29" s="29"/>
      <c r="C29" s="7"/>
      <c r="D29" s="23">
        <v>100</v>
      </c>
      <c r="E29" s="24">
        <v>48.5</v>
      </c>
      <c r="F29" s="25">
        <v>43.7</v>
      </c>
      <c r="G29" s="26">
        <v>7.8</v>
      </c>
    </row>
    <row r="30" spans="2:7" x14ac:dyDescent="0.2">
      <c r="B30" s="29"/>
      <c r="C30" s="2" t="s">
        <v>14</v>
      </c>
      <c r="D30" s="19">
        <v>28</v>
      </c>
      <c r="E30" s="20">
        <v>17</v>
      </c>
      <c r="F30" s="21">
        <v>10</v>
      </c>
      <c r="G30" s="22">
        <v>1</v>
      </c>
    </row>
    <row r="31" spans="2:7" x14ac:dyDescent="0.2">
      <c r="B31" s="29"/>
      <c r="C31" s="7"/>
      <c r="D31" s="23">
        <v>100</v>
      </c>
      <c r="E31" s="24">
        <v>60.7</v>
      </c>
      <c r="F31" s="25">
        <v>35.700000000000003</v>
      </c>
      <c r="G31" s="26">
        <v>3.6</v>
      </c>
    </row>
    <row r="32" spans="2:7" x14ac:dyDescent="0.2">
      <c r="B32" s="29"/>
      <c r="C32" s="2" t="s">
        <v>42</v>
      </c>
      <c r="D32" s="19">
        <v>390</v>
      </c>
      <c r="E32" s="20">
        <v>209</v>
      </c>
      <c r="F32" s="21">
        <v>160</v>
      </c>
      <c r="G32" s="22">
        <v>21</v>
      </c>
    </row>
    <row r="33" spans="2:7" x14ac:dyDescent="0.2">
      <c r="B33" s="29"/>
      <c r="C33" s="7"/>
      <c r="D33" s="23">
        <v>100</v>
      </c>
      <c r="E33" s="24">
        <v>53.6</v>
      </c>
      <c r="F33" s="25">
        <v>41</v>
      </c>
      <c r="G33" s="26">
        <v>5.4</v>
      </c>
    </row>
    <row r="34" spans="2:7" x14ac:dyDescent="0.2">
      <c r="B34" s="29"/>
      <c r="C34" s="2" t="s">
        <v>13</v>
      </c>
      <c r="D34" s="19">
        <v>70</v>
      </c>
      <c r="E34" s="20">
        <v>26</v>
      </c>
      <c r="F34" s="21">
        <v>28</v>
      </c>
      <c r="G34" s="22">
        <v>16</v>
      </c>
    </row>
    <row r="35" spans="2:7" x14ac:dyDescent="0.2">
      <c r="B35" s="30"/>
      <c r="C35" s="10"/>
      <c r="D35" s="15">
        <v>100</v>
      </c>
      <c r="E35" s="16">
        <v>37.1</v>
      </c>
      <c r="F35" s="17">
        <v>40</v>
      </c>
      <c r="G35" s="18">
        <v>22.9</v>
      </c>
    </row>
    <row r="36" spans="2:7" x14ac:dyDescent="0.2">
      <c r="B36" s="28" t="s">
        <v>53</v>
      </c>
      <c r="C36" s="9" t="s">
        <v>12</v>
      </c>
      <c r="D36" s="11">
        <v>1241</v>
      </c>
      <c r="E36" s="12">
        <v>649</v>
      </c>
      <c r="F36" s="13">
        <v>506</v>
      </c>
      <c r="G36" s="14">
        <v>86</v>
      </c>
    </row>
    <row r="37" spans="2:7" x14ac:dyDescent="0.2">
      <c r="B37" s="29"/>
      <c r="C37" s="8"/>
      <c r="D37" s="15">
        <v>100</v>
      </c>
      <c r="E37" s="16">
        <v>52.3</v>
      </c>
      <c r="F37" s="17">
        <v>40.799999999999997</v>
      </c>
      <c r="G37" s="18">
        <v>6.9</v>
      </c>
    </row>
    <row r="38" spans="2:7" x14ac:dyDescent="0.2">
      <c r="B38" s="29"/>
      <c r="C38" s="2" t="s">
        <v>41</v>
      </c>
      <c r="D38" s="19">
        <v>799</v>
      </c>
      <c r="E38" s="20">
        <v>436</v>
      </c>
      <c r="F38" s="21">
        <v>329</v>
      </c>
      <c r="G38" s="22">
        <v>34</v>
      </c>
    </row>
    <row r="39" spans="2:7" x14ac:dyDescent="0.2">
      <c r="B39" s="29"/>
      <c r="C39" s="7"/>
      <c r="D39" s="23">
        <v>100</v>
      </c>
      <c r="E39" s="24">
        <v>54.6</v>
      </c>
      <c r="F39" s="25">
        <v>41.2</v>
      </c>
      <c r="G39" s="26">
        <v>4.3</v>
      </c>
    </row>
    <row r="40" spans="2:7" x14ac:dyDescent="0.2">
      <c r="B40" s="29"/>
      <c r="C40" s="2" t="s">
        <v>40</v>
      </c>
      <c r="D40" s="19">
        <v>182</v>
      </c>
      <c r="E40" s="20">
        <v>100</v>
      </c>
      <c r="F40" s="21">
        <v>64</v>
      </c>
      <c r="G40" s="22">
        <v>18</v>
      </c>
    </row>
    <row r="41" spans="2:7" x14ac:dyDescent="0.2">
      <c r="B41" s="29"/>
      <c r="C41" s="7"/>
      <c r="D41" s="23">
        <v>100</v>
      </c>
      <c r="E41" s="24">
        <v>54.9</v>
      </c>
      <c r="F41" s="25">
        <v>35.200000000000003</v>
      </c>
      <c r="G41" s="26">
        <v>9.9</v>
      </c>
    </row>
    <row r="42" spans="2:7" x14ac:dyDescent="0.2">
      <c r="B42" s="29"/>
      <c r="C42" s="2" t="s">
        <v>39</v>
      </c>
      <c r="D42" s="19">
        <v>72</v>
      </c>
      <c r="E42" s="20">
        <v>35</v>
      </c>
      <c r="F42" s="21">
        <v>29</v>
      </c>
      <c r="G42" s="22">
        <v>8</v>
      </c>
    </row>
    <row r="43" spans="2:7" x14ac:dyDescent="0.2">
      <c r="B43" s="29"/>
      <c r="C43" s="7"/>
      <c r="D43" s="23">
        <v>100</v>
      </c>
      <c r="E43" s="24">
        <v>48.6</v>
      </c>
      <c r="F43" s="25">
        <v>40.299999999999997</v>
      </c>
      <c r="G43" s="26">
        <v>11.1</v>
      </c>
    </row>
    <row r="44" spans="2:7" x14ac:dyDescent="0.2">
      <c r="B44" s="29"/>
      <c r="C44" s="2" t="s">
        <v>38</v>
      </c>
      <c r="D44" s="19">
        <v>127</v>
      </c>
      <c r="E44" s="20">
        <v>56</v>
      </c>
      <c r="F44" s="21">
        <v>59</v>
      </c>
      <c r="G44" s="22">
        <v>12</v>
      </c>
    </row>
    <row r="45" spans="2:7" x14ac:dyDescent="0.2">
      <c r="B45" s="29"/>
      <c r="C45" s="7"/>
      <c r="D45" s="23">
        <v>100</v>
      </c>
      <c r="E45" s="24">
        <v>44.1</v>
      </c>
      <c r="F45" s="25">
        <v>46.5</v>
      </c>
      <c r="G45" s="26">
        <v>9.4</v>
      </c>
    </row>
    <row r="46" spans="2:7" x14ac:dyDescent="0.2">
      <c r="B46" s="29"/>
      <c r="C46" s="2" t="s">
        <v>13</v>
      </c>
      <c r="D46" s="19">
        <v>61</v>
      </c>
      <c r="E46" s="20">
        <v>22</v>
      </c>
      <c r="F46" s="21">
        <v>25</v>
      </c>
      <c r="G46" s="22">
        <v>14</v>
      </c>
    </row>
    <row r="47" spans="2:7" x14ac:dyDescent="0.2">
      <c r="B47" s="30"/>
      <c r="C47" s="10"/>
      <c r="D47" s="15">
        <v>100</v>
      </c>
      <c r="E47" s="16">
        <v>36.1</v>
      </c>
      <c r="F47" s="17">
        <v>41</v>
      </c>
      <c r="G47" s="18">
        <v>23</v>
      </c>
    </row>
  </sheetData>
  <mergeCells count="3">
    <mergeCell ref="B4:B11"/>
    <mergeCell ref="B12:B35"/>
    <mergeCell ref="B36:B47"/>
  </mergeCells>
  <phoneticPr fontId="2"/>
  <pageMargins left="0.7" right="0.7" top="0.75" bottom="0.75" header="0.3" footer="0.3"/>
</worksheet>
</file>

<file path=xl/worksheets/sheet6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54</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654</v>
      </c>
      <c r="F4" s="13">
        <v>504</v>
      </c>
      <c r="G4" s="14">
        <v>83</v>
      </c>
    </row>
    <row r="5" spans="2:7" x14ac:dyDescent="0.2">
      <c r="B5" s="29"/>
      <c r="C5" s="8"/>
      <c r="D5" s="15">
        <v>100</v>
      </c>
      <c r="E5" s="16">
        <v>52.7</v>
      </c>
      <c r="F5" s="17">
        <v>40.6</v>
      </c>
      <c r="G5" s="18">
        <v>6.7</v>
      </c>
    </row>
    <row r="6" spans="2:7" x14ac:dyDescent="0.2">
      <c r="B6" s="29"/>
      <c r="C6" s="2" t="s">
        <v>30</v>
      </c>
      <c r="D6" s="19">
        <v>499</v>
      </c>
      <c r="E6" s="20">
        <v>296</v>
      </c>
      <c r="F6" s="21">
        <v>181</v>
      </c>
      <c r="G6" s="22">
        <v>22</v>
      </c>
    </row>
    <row r="7" spans="2:7" x14ac:dyDescent="0.2">
      <c r="B7" s="29"/>
      <c r="C7" s="7"/>
      <c r="D7" s="23">
        <v>100</v>
      </c>
      <c r="E7" s="24">
        <v>59.3</v>
      </c>
      <c r="F7" s="25">
        <v>36.299999999999997</v>
      </c>
      <c r="G7" s="26">
        <v>4.4000000000000004</v>
      </c>
    </row>
    <row r="8" spans="2:7" x14ac:dyDescent="0.2">
      <c r="B8" s="29"/>
      <c r="C8" s="2" t="s">
        <v>29</v>
      </c>
      <c r="D8" s="19">
        <v>150</v>
      </c>
      <c r="E8" s="20">
        <v>84</v>
      </c>
      <c r="F8" s="21">
        <v>56</v>
      </c>
      <c r="G8" s="22">
        <v>10</v>
      </c>
    </row>
    <row r="9" spans="2:7" x14ac:dyDescent="0.2">
      <c r="B9" s="29"/>
      <c r="C9" s="7"/>
      <c r="D9" s="23">
        <v>100</v>
      </c>
      <c r="E9" s="24">
        <v>56</v>
      </c>
      <c r="F9" s="25">
        <v>37.299999999999997</v>
      </c>
      <c r="G9" s="26">
        <v>6.7</v>
      </c>
    </row>
    <row r="10" spans="2:7" x14ac:dyDescent="0.2">
      <c r="B10" s="29"/>
      <c r="C10" s="2" t="s">
        <v>28</v>
      </c>
      <c r="D10" s="19">
        <v>82</v>
      </c>
      <c r="E10" s="20">
        <v>37</v>
      </c>
      <c r="F10" s="21">
        <v>40</v>
      </c>
      <c r="G10" s="22">
        <v>5</v>
      </c>
    </row>
    <row r="11" spans="2:7" x14ac:dyDescent="0.2">
      <c r="B11" s="29"/>
      <c r="C11" s="7"/>
      <c r="D11" s="23">
        <v>100</v>
      </c>
      <c r="E11" s="24">
        <v>45.1</v>
      </c>
      <c r="F11" s="25">
        <v>48.8</v>
      </c>
      <c r="G11" s="26">
        <v>6.1</v>
      </c>
    </row>
    <row r="12" spans="2:7" x14ac:dyDescent="0.2">
      <c r="B12" s="29"/>
      <c r="C12" s="2" t="s">
        <v>27</v>
      </c>
      <c r="D12" s="19">
        <v>92</v>
      </c>
      <c r="E12" s="20">
        <v>41</v>
      </c>
      <c r="F12" s="21">
        <v>45</v>
      </c>
      <c r="G12" s="22">
        <v>6</v>
      </c>
    </row>
    <row r="13" spans="2:7" x14ac:dyDescent="0.2">
      <c r="B13" s="29"/>
      <c r="C13" s="7"/>
      <c r="D13" s="23">
        <v>100</v>
      </c>
      <c r="E13" s="24">
        <v>44.6</v>
      </c>
      <c r="F13" s="25">
        <v>48.9</v>
      </c>
      <c r="G13" s="26">
        <v>6.5</v>
      </c>
    </row>
    <row r="14" spans="2:7" x14ac:dyDescent="0.2">
      <c r="B14" s="29"/>
      <c r="C14" s="2" t="s">
        <v>26</v>
      </c>
      <c r="D14" s="19">
        <v>112</v>
      </c>
      <c r="E14" s="20">
        <v>57</v>
      </c>
      <c r="F14" s="21">
        <v>43</v>
      </c>
      <c r="G14" s="22">
        <v>12</v>
      </c>
    </row>
    <row r="15" spans="2:7" x14ac:dyDescent="0.2">
      <c r="B15" s="29"/>
      <c r="C15" s="7"/>
      <c r="D15" s="23">
        <v>100</v>
      </c>
      <c r="E15" s="24">
        <v>50.9</v>
      </c>
      <c r="F15" s="25">
        <v>38.4</v>
      </c>
      <c r="G15" s="26">
        <v>10.7</v>
      </c>
    </row>
    <row r="16" spans="2:7" x14ac:dyDescent="0.2">
      <c r="B16" s="29"/>
      <c r="C16" s="2" t="s">
        <v>25</v>
      </c>
      <c r="D16" s="19">
        <v>188</v>
      </c>
      <c r="E16" s="20">
        <v>84</v>
      </c>
      <c r="F16" s="21">
        <v>89</v>
      </c>
      <c r="G16" s="22">
        <v>15</v>
      </c>
    </row>
    <row r="17" spans="2:7" x14ac:dyDescent="0.2">
      <c r="B17" s="29"/>
      <c r="C17" s="7"/>
      <c r="D17" s="23">
        <v>100</v>
      </c>
      <c r="E17" s="24">
        <v>44.7</v>
      </c>
      <c r="F17" s="25">
        <v>47.3</v>
      </c>
      <c r="G17" s="26">
        <v>8</v>
      </c>
    </row>
    <row r="18" spans="2:7" x14ac:dyDescent="0.2">
      <c r="B18" s="29"/>
      <c r="C18" s="2" t="s">
        <v>24</v>
      </c>
      <c r="D18" s="19">
        <v>60</v>
      </c>
      <c r="E18" s="20">
        <v>28</v>
      </c>
      <c r="F18" s="21">
        <v>30</v>
      </c>
      <c r="G18" s="22">
        <v>2</v>
      </c>
    </row>
    <row r="19" spans="2:7" x14ac:dyDescent="0.2">
      <c r="B19" s="29"/>
      <c r="C19" s="7"/>
      <c r="D19" s="23">
        <v>100</v>
      </c>
      <c r="E19" s="24">
        <v>46.7</v>
      </c>
      <c r="F19" s="25">
        <v>50</v>
      </c>
      <c r="G19" s="26">
        <v>3.3</v>
      </c>
    </row>
    <row r="20" spans="2:7" x14ac:dyDescent="0.2">
      <c r="B20" s="29"/>
      <c r="C20" s="2" t="s">
        <v>13</v>
      </c>
      <c r="D20" s="19">
        <v>58</v>
      </c>
      <c r="E20" s="20">
        <v>27</v>
      </c>
      <c r="F20" s="21">
        <v>20</v>
      </c>
      <c r="G20" s="22">
        <v>11</v>
      </c>
    </row>
    <row r="21" spans="2:7" x14ac:dyDescent="0.2">
      <c r="B21" s="30"/>
      <c r="C21" s="10"/>
      <c r="D21" s="15">
        <v>100</v>
      </c>
      <c r="E21" s="16">
        <v>46.6</v>
      </c>
      <c r="F21" s="17">
        <v>34.5</v>
      </c>
      <c r="G21" s="18">
        <v>19</v>
      </c>
    </row>
    <row r="22" spans="2:7" x14ac:dyDescent="0.2">
      <c r="B22" s="28" t="s">
        <v>35</v>
      </c>
      <c r="C22" s="9" t="s">
        <v>12</v>
      </c>
      <c r="D22" s="11">
        <v>1241</v>
      </c>
      <c r="E22" s="12">
        <v>654</v>
      </c>
      <c r="F22" s="13">
        <v>504</v>
      </c>
      <c r="G22" s="14">
        <v>83</v>
      </c>
    </row>
    <row r="23" spans="2:7" x14ac:dyDescent="0.2">
      <c r="B23" s="29"/>
      <c r="C23" s="8"/>
      <c r="D23" s="15">
        <v>100</v>
      </c>
      <c r="E23" s="16">
        <v>52.7</v>
      </c>
      <c r="F23" s="17">
        <v>40.6</v>
      </c>
      <c r="G23" s="18">
        <v>6.7</v>
      </c>
    </row>
    <row r="24" spans="2:7" x14ac:dyDescent="0.2">
      <c r="B24" s="29"/>
      <c r="C24" s="2" t="s">
        <v>23</v>
      </c>
      <c r="D24" s="19">
        <v>563</v>
      </c>
      <c r="E24" s="20">
        <v>297</v>
      </c>
      <c r="F24" s="21">
        <v>238</v>
      </c>
      <c r="G24" s="22">
        <v>28</v>
      </c>
    </row>
    <row r="25" spans="2:7" x14ac:dyDescent="0.2">
      <c r="B25" s="29"/>
      <c r="C25" s="7"/>
      <c r="D25" s="23">
        <v>100</v>
      </c>
      <c r="E25" s="24">
        <v>52.8</v>
      </c>
      <c r="F25" s="25">
        <v>42.3</v>
      </c>
      <c r="G25" s="26">
        <v>5</v>
      </c>
    </row>
    <row r="26" spans="2:7" x14ac:dyDescent="0.2">
      <c r="B26" s="29"/>
      <c r="C26" s="2" t="s">
        <v>22</v>
      </c>
      <c r="D26" s="19">
        <v>607</v>
      </c>
      <c r="E26" s="20">
        <v>324</v>
      </c>
      <c r="F26" s="21">
        <v>239</v>
      </c>
      <c r="G26" s="22">
        <v>44</v>
      </c>
    </row>
    <row r="27" spans="2:7" x14ac:dyDescent="0.2">
      <c r="B27" s="29"/>
      <c r="C27" s="7"/>
      <c r="D27" s="23">
        <v>100</v>
      </c>
      <c r="E27" s="24">
        <v>53.4</v>
      </c>
      <c r="F27" s="25">
        <v>39.4</v>
      </c>
      <c r="G27" s="26">
        <v>7.2</v>
      </c>
    </row>
    <row r="28" spans="2:7" x14ac:dyDescent="0.2">
      <c r="B28" s="29"/>
      <c r="C28" s="2" t="s">
        <v>13</v>
      </c>
      <c r="D28" s="19">
        <v>71</v>
      </c>
      <c r="E28" s="20">
        <v>33</v>
      </c>
      <c r="F28" s="21">
        <v>27</v>
      </c>
      <c r="G28" s="22">
        <v>11</v>
      </c>
    </row>
    <row r="29" spans="2:7" x14ac:dyDescent="0.2">
      <c r="B29" s="30"/>
      <c r="C29" s="10"/>
      <c r="D29" s="15">
        <v>100</v>
      </c>
      <c r="E29" s="16">
        <v>46.5</v>
      </c>
      <c r="F29" s="17">
        <v>38</v>
      </c>
      <c r="G29" s="18">
        <v>15.5</v>
      </c>
    </row>
    <row r="30" spans="2:7" x14ac:dyDescent="0.2">
      <c r="B30" s="28" t="s">
        <v>34</v>
      </c>
      <c r="C30" s="9" t="s">
        <v>12</v>
      </c>
      <c r="D30" s="11">
        <v>1241</v>
      </c>
      <c r="E30" s="12">
        <v>654</v>
      </c>
      <c r="F30" s="13">
        <v>504</v>
      </c>
      <c r="G30" s="14">
        <v>83</v>
      </c>
    </row>
    <row r="31" spans="2:7" x14ac:dyDescent="0.2">
      <c r="B31" s="29"/>
      <c r="C31" s="8"/>
      <c r="D31" s="15">
        <v>100</v>
      </c>
      <c r="E31" s="16">
        <v>52.7</v>
      </c>
      <c r="F31" s="17">
        <v>40.6</v>
      </c>
      <c r="G31" s="18">
        <v>6.7</v>
      </c>
    </row>
    <row r="32" spans="2:7" x14ac:dyDescent="0.2">
      <c r="B32" s="29"/>
      <c r="C32" s="2" t="s">
        <v>76</v>
      </c>
      <c r="D32" s="19">
        <v>3</v>
      </c>
      <c r="E32" s="20">
        <v>3</v>
      </c>
      <c r="F32" s="21" t="s">
        <v>152</v>
      </c>
      <c r="G32" s="22" t="s">
        <v>152</v>
      </c>
    </row>
    <row r="33" spans="2:7" x14ac:dyDescent="0.2">
      <c r="B33" s="29"/>
      <c r="C33" s="7"/>
      <c r="D33" s="23">
        <v>100</v>
      </c>
      <c r="E33" s="24">
        <v>100</v>
      </c>
      <c r="F33" s="25" t="s">
        <v>152</v>
      </c>
      <c r="G33" s="26" t="s">
        <v>152</v>
      </c>
    </row>
    <row r="34" spans="2:7" x14ac:dyDescent="0.2">
      <c r="B34" s="29"/>
      <c r="C34" s="2" t="s">
        <v>78</v>
      </c>
      <c r="D34" s="19">
        <v>51</v>
      </c>
      <c r="E34" s="20">
        <v>34</v>
      </c>
      <c r="F34" s="21">
        <v>17</v>
      </c>
      <c r="G34" s="22" t="s">
        <v>152</v>
      </c>
    </row>
    <row r="35" spans="2:7" x14ac:dyDescent="0.2">
      <c r="B35" s="29"/>
      <c r="C35" s="7"/>
      <c r="D35" s="23">
        <v>100</v>
      </c>
      <c r="E35" s="24">
        <v>66.7</v>
      </c>
      <c r="F35" s="25">
        <v>33.299999999999997</v>
      </c>
      <c r="G35" s="26" t="s">
        <v>152</v>
      </c>
    </row>
    <row r="36" spans="2:7" x14ac:dyDescent="0.2">
      <c r="B36" s="29"/>
      <c r="C36" s="2" t="s">
        <v>147</v>
      </c>
      <c r="D36" s="19">
        <v>54</v>
      </c>
      <c r="E36" s="20">
        <v>37</v>
      </c>
      <c r="F36" s="21">
        <v>17</v>
      </c>
      <c r="G36" s="22" t="s">
        <v>152</v>
      </c>
    </row>
    <row r="37" spans="2:7" x14ac:dyDescent="0.2">
      <c r="B37" s="29"/>
      <c r="C37" s="7"/>
      <c r="D37" s="23">
        <v>100</v>
      </c>
      <c r="E37" s="24">
        <v>68.518518518518519</v>
      </c>
      <c r="F37" s="25">
        <v>31.481481481481481</v>
      </c>
      <c r="G37" s="26" t="s">
        <v>152</v>
      </c>
    </row>
    <row r="38" spans="2:7" x14ac:dyDescent="0.2">
      <c r="B38" s="29"/>
      <c r="C38" s="2" t="s">
        <v>80</v>
      </c>
      <c r="D38" s="19">
        <v>116</v>
      </c>
      <c r="E38" s="20">
        <v>66</v>
      </c>
      <c r="F38" s="21">
        <v>48</v>
      </c>
      <c r="G38" s="22">
        <v>2</v>
      </c>
    </row>
    <row r="39" spans="2:7" x14ac:dyDescent="0.2">
      <c r="B39" s="29"/>
      <c r="C39" s="7"/>
      <c r="D39" s="23">
        <v>100</v>
      </c>
      <c r="E39" s="24">
        <v>56.9</v>
      </c>
      <c r="F39" s="25">
        <v>41.4</v>
      </c>
      <c r="G39" s="26">
        <v>1.7</v>
      </c>
    </row>
    <row r="40" spans="2:7" x14ac:dyDescent="0.2">
      <c r="B40" s="29"/>
      <c r="C40" s="2" t="s">
        <v>82</v>
      </c>
      <c r="D40" s="19">
        <v>200</v>
      </c>
      <c r="E40" s="20">
        <v>100</v>
      </c>
      <c r="F40" s="21">
        <v>90</v>
      </c>
      <c r="G40" s="22">
        <v>10</v>
      </c>
    </row>
    <row r="41" spans="2:7" x14ac:dyDescent="0.2">
      <c r="B41" s="29"/>
      <c r="C41" s="7"/>
      <c r="D41" s="23">
        <v>100</v>
      </c>
      <c r="E41" s="24">
        <v>50</v>
      </c>
      <c r="F41" s="25">
        <v>45</v>
      </c>
      <c r="G41" s="26">
        <v>5</v>
      </c>
    </row>
    <row r="42" spans="2:7" x14ac:dyDescent="0.2">
      <c r="B42" s="29"/>
      <c r="C42" s="2" t="s">
        <v>84</v>
      </c>
      <c r="D42" s="19">
        <v>289</v>
      </c>
      <c r="E42" s="20">
        <v>172</v>
      </c>
      <c r="F42" s="21">
        <v>108</v>
      </c>
      <c r="G42" s="22">
        <v>9</v>
      </c>
    </row>
    <row r="43" spans="2:7" x14ac:dyDescent="0.2">
      <c r="B43" s="29"/>
      <c r="C43" s="7"/>
      <c r="D43" s="23">
        <v>100</v>
      </c>
      <c r="E43" s="24">
        <v>59.5</v>
      </c>
      <c r="F43" s="25">
        <v>37.4</v>
      </c>
      <c r="G43" s="26">
        <v>3.1</v>
      </c>
    </row>
    <row r="44" spans="2:7" x14ac:dyDescent="0.2">
      <c r="B44" s="29"/>
      <c r="C44" s="2" t="s">
        <v>86</v>
      </c>
      <c r="D44" s="19">
        <v>247</v>
      </c>
      <c r="E44" s="20">
        <v>127</v>
      </c>
      <c r="F44" s="21">
        <v>100</v>
      </c>
      <c r="G44" s="22">
        <v>20</v>
      </c>
    </row>
    <row r="45" spans="2:7" x14ac:dyDescent="0.2">
      <c r="B45" s="29"/>
      <c r="C45" s="7"/>
      <c r="D45" s="23">
        <v>100</v>
      </c>
      <c r="E45" s="24">
        <v>51.4</v>
      </c>
      <c r="F45" s="25">
        <v>40.5</v>
      </c>
      <c r="G45" s="26">
        <v>8.1</v>
      </c>
    </row>
    <row r="46" spans="2:7" x14ac:dyDescent="0.2">
      <c r="B46" s="29"/>
      <c r="C46" s="2" t="s">
        <v>88</v>
      </c>
      <c r="D46" s="19">
        <v>125</v>
      </c>
      <c r="E46" s="20">
        <v>51</v>
      </c>
      <c r="F46" s="21">
        <v>62</v>
      </c>
      <c r="G46" s="22">
        <v>12</v>
      </c>
    </row>
    <row r="47" spans="2:7" x14ac:dyDescent="0.2">
      <c r="B47" s="29"/>
      <c r="C47" s="7"/>
      <c r="D47" s="23">
        <v>100</v>
      </c>
      <c r="E47" s="24">
        <v>40.799999999999997</v>
      </c>
      <c r="F47" s="25">
        <v>49.6</v>
      </c>
      <c r="G47" s="26">
        <v>9.6</v>
      </c>
    </row>
    <row r="48" spans="2:7" x14ac:dyDescent="0.2">
      <c r="B48" s="29"/>
      <c r="C48" s="2" t="s">
        <v>90</v>
      </c>
      <c r="D48" s="19">
        <v>150</v>
      </c>
      <c r="E48" s="20">
        <v>76</v>
      </c>
      <c r="F48" s="21">
        <v>57</v>
      </c>
      <c r="G48" s="22">
        <v>17</v>
      </c>
    </row>
    <row r="49" spans="2:7" x14ac:dyDescent="0.2">
      <c r="B49" s="29"/>
      <c r="C49" s="7"/>
      <c r="D49" s="23">
        <v>100</v>
      </c>
      <c r="E49" s="24">
        <v>50.7</v>
      </c>
      <c r="F49" s="25">
        <v>38</v>
      </c>
      <c r="G49" s="26">
        <v>11.3</v>
      </c>
    </row>
    <row r="50" spans="2:7" x14ac:dyDescent="0.2">
      <c r="B50" s="29"/>
      <c r="C50" s="2" t="s">
        <v>92</v>
      </c>
      <c r="D50" s="19">
        <v>60</v>
      </c>
      <c r="E50" s="20">
        <v>25</v>
      </c>
      <c r="F50" s="21">
        <v>22</v>
      </c>
      <c r="G50" s="22">
        <v>13</v>
      </c>
    </row>
    <row r="51" spans="2:7" x14ac:dyDescent="0.2">
      <c r="B51" s="29"/>
      <c r="C51" s="10"/>
      <c r="D51" s="23">
        <v>100</v>
      </c>
      <c r="E51" s="24">
        <v>41.7</v>
      </c>
      <c r="F51" s="25">
        <v>36.700000000000003</v>
      </c>
      <c r="G51" s="26">
        <v>21.7</v>
      </c>
    </row>
    <row r="52" spans="2:7" x14ac:dyDescent="0.2">
      <c r="B52" s="28" t="s">
        <v>33</v>
      </c>
      <c r="C52" s="9" t="s">
        <v>12</v>
      </c>
      <c r="D52" s="11">
        <v>1241</v>
      </c>
      <c r="E52" s="12">
        <v>654</v>
      </c>
      <c r="F52" s="13">
        <v>504</v>
      </c>
      <c r="G52" s="14">
        <v>83</v>
      </c>
    </row>
    <row r="53" spans="2:7" x14ac:dyDescent="0.2">
      <c r="B53" s="29"/>
      <c r="C53" s="8"/>
      <c r="D53" s="15">
        <v>100</v>
      </c>
      <c r="E53" s="16">
        <v>52.7</v>
      </c>
      <c r="F53" s="17">
        <v>40.6</v>
      </c>
      <c r="G53" s="18">
        <v>6.7</v>
      </c>
    </row>
    <row r="54" spans="2:7" x14ac:dyDescent="0.2">
      <c r="B54" s="29"/>
      <c r="C54" s="2" t="s">
        <v>57</v>
      </c>
      <c r="D54" s="19">
        <v>2</v>
      </c>
      <c r="E54" s="20">
        <v>2</v>
      </c>
      <c r="F54" s="21" t="s">
        <v>152</v>
      </c>
      <c r="G54" s="22" t="s">
        <v>152</v>
      </c>
    </row>
    <row r="55" spans="2:7" x14ac:dyDescent="0.2">
      <c r="B55" s="29"/>
      <c r="C55" s="7"/>
      <c r="D55" s="23">
        <v>100</v>
      </c>
      <c r="E55" s="24">
        <v>100</v>
      </c>
      <c r="F55" s="25" t="s">
        <v>152</v>
      </c>
      <c r="G55" s="26" t="s">
        <v>152</v>
      </c>
    </row>
    <row r="56" spans="2:7" x14ac:dyDescent="0.2">
      <c r="B56" s="29"/>
      <c r="C56" s="2" t="s">
        <v>63</v>
      </c>
      <c r="D56" s="19">
        <v>20</v>
      </c>
      <c r="E56" s="20">
        <v>11</v>
      </c>
      <c r="F56" s="21">
        <v>9</v>
      </c>
      <c r="G56" s="22" t="s">
        <v>152</v>
      </c>
    </row>
    <row r="57" spans="2:7" x14ac:dyDescent="0.2">
      <c r="B57" s="29"/>
      <c r="C57" s="7"/>
      <c r="D57" s="23">
        <v>100</v>
      </c>
      <c r="E57" s="24">
        <v>55</v>
      </c>
      <c r="F57" s="25">
        <v>45</v>
      </c>
      <c r="G57" s="26" t="s">
        <v>152</v>
      </c>
    </row>
    <row r="58" spans="2:7" x14ac:dyDescent="0.2">
      <c r="B58" s="29"/>
      <c r="C58" s="2" t="s">
        <v>148</v>
      </c>
      <c r="D58" s="19">
        <v>22</v>
      </c>
      <c r="E58" s="20">
        <v>13</v>
      </c>
      <c r="F58" s="21">
        <v>9</v>
      </c>
      <c r="G58" s="22" t="s">
        <v>152</v>
      </c>
    </row>
    <row r="59" spans="2:7" x14ac:dyDescent="0.2">
      <c r="B59" s="29"/>
      <c r="C59" s="7"/>
      <c r="D59" s="23">
        <v>100</v>
      </c>
      <c r="E59" s="24">
        <v>59.090909090909093</v>
      </c>
      <c r="F59" s="25">
        <v>40.909090909090914</v>
      </c>
      <c r="G59" s="26" t="s">
        <v>152</v>
      </c>
    </row>
    <row r="60" spans="2:7" x14ac:dyDescent="0.2">
      <c r="B60" s="29"/>
      <c r="C60" s="2" t="s">
        <v>64</v>
      </c>
      <c r="D60" s="19">
        <v>51</v>
      </c>
      <c r="E60" s="20">
        <v>26</v>
      </c>
      <c r="F60" s="21">
        <v>24</v>
      </c>
      <c r="G60" s="22">
        <v>1</v>
      </c>
    </row>
    <row r="61" spans="2:7" x14ac:dyDescent="0.2">
      <c r="B61" s="29"/>
      <c r="C61" s="7"/>
      <c r="D61" s="23">
        <v>100</v>
      </c>
      <c r="E61" s="24">
        <v>51</v>
      </c>
      <c r="F61" s="25">
        <v>47.1</v>
      </c>
      <c r="G61" s="26">
        <v>2</v>
      </c>
    </row>
    <row r="62" spans="2:7" x14ac:dyDescent="0.2">
      <c r="B62" s="29"/>
      <c r="C62" s="2" t="s">
        <v>65</v>
      </c>
      <c r="D62" s="19">
        <v>88</v>
      </c>
      <c r="E62" s="20">
        <v>49</v>
      </c>
      <c r="F62" s="21">
        <v>36</v>
      </c>
      <c r="G62" s="22">
        <v>3</v>
      </c>
    </row>
    <row r="63" spans="2:7" x14ac:dyDescent="0.2">
      <c r="B63" s="29"/>
      <c r="C63" s="7"/>
      <c r="D63" s="23">
        <v>100</v>
      </c>
      <c r="E63" s="24">
        <v>55.7</v>
      </c>
      <c r="F63" s="25">
        <v>40.9</v>
      </c>
      <c r="G63" s="26">
        <v>3.4</v>
      </c>
    </row>
    <row r="64" spans="2:7" x14ac:dyDescent="0.2">
      <c r="B64" s="29"/>
      <c r="C64" s="2" t="s">
        <v>66</v>
      </c>
      <c r="D64" s="19">
        <v>146</v>
      </c>
      <c r="E64" s="20">
        <v>84</v>
      </c>
      <c r="F64" s="21">
        <v>58</v>
      </c>
      <c r="G64" s="22">
        <v>4</v>
      </c>
    </row>
    <row r="65" spans="2:7" x14ac:dyDescent="0.2">
      <c r="B65" s="29"/>
      <c r="C65" s="7"/>
      <c r="D65" s="23">
        <v>100</v>
      </c>
      <c r="E65" s="24">
        <v>57.5</v>
      </c>
      <c r="F65" s="25">
        <v>39.700000000000003</v>
      </c>
      <c r="G65" s="26">
        <v>2.7</v>
      </c>
    </row>
    <row r="66" spans="2:7" x14ac:dyDescent="0.2">
      <c r="B66" s="29"/>
      <c r="C66" s="2" t="s">
        <v>67</v>
      </c>
      <c r="D66" s="19">
        <v>133</v>
      </c>
      <c r="E66" s="20">
        <v>70</v>
      </c>
      <c r="F66" s="21">
        <v>55</v>
      </c>
      <c r="G66" s="22">
        <v>8</v>
      </c>
    </row>
    <row r="67" spans="2:7" x14ac:dyDescent="0.2">
      <c r="B67" s="29"/>
      <c r="C67" s="7"/>
      <c r="D67" s="23">
        <v>100</v>
      </c>
      <c r="E67" s="24">
        <v>52.6</v>
      </c>
      <c r="F67" s="25">
        <v>41.4</v>
      </c>
      <c r="G67" s="26">
        <v>6</v>
      </c>
    </row>
    <row r="68" spans="2:7" x14ac:dyDescent="0.2">
      <c r="B68" s="29"/>
      <c r="C68" s="2" t="s">
        <v>58</v>
      </c>
      <c r="D68" s="19">
        <v>57</v>
      </c>
      <c r="E68" s="20">
        <v>22</v>
      </c>
      <c r="F68" s="21">
        <v>31</v>
      </c>
      <c r="G68" s="22">
        <v>4</v>
      </c>
    </row>
    <row r="69" spans="2:7" x14ac:dyDescent="0.2">
      <c r="B69" s="29"/>
      <c r="C69" s="7"/>
      <c r="D69" s="23">
        <v>100</v>
      </c>
      <c r="E69" s="24">
        <v>38.6</v>
      </c>
      <c r="F69" s="25">
        <v>54.4</v>
      </c>
      <c r="G69" s="26">
        <v>7</v>
      </c>
    </row>
    <row r="70" spans="2:7" x14ac:dyDescent="0.2">
      <c r="B70" s="29"/>
      <c r="C70" s="2" t="s">
        <v>68</v>
      </c>
      <c r="D70" s="19">
        <v>65</v>
      </c>
      <c r="E70" s="20">
        <v>33</v>
      </c>
      <c r="F70" s="21">
        <v>25</v>
      </c>
      <c r="G70" s="22">
        <v>7</v>
      </c>
    </row>
    <row r="71" spans="2:7" x14ac:dyDescent="0.2">
      <c r="B71" s="29"/>
      <c r="C71" s="7"/>
      <c r="D71" s="23">
        <v>100</v>
      </c>
      <c r="E71" s="24">
        <v>50.8</v>
      </c>
      <c r="F71" s="25">
        <v>38.5</v>
      </c>
      <c r="G71" s="26">
        <v>10.8</v>
      </c>
    </row>
    <row r="72" spans="2:7" x14ac:dyDescent="0.2">
      <c r="B72" s="29"/>
      <c r="C72" s="2" t="s">
        <v>59</v>
      </c>
      <c r="D72" s="19">
        <v>1</v>
      </c>
      <c r="E72" s="20">
        <v>1</v>
      </c>
      <c r="F72" s="21" t="s">
        <v>152</v>
      </c>
      <c r="G72" s="22" t="s">
        <v>152</v>
      </c>
    </row>
    <row r="73" spans="2:7" x14ac:dyDescent="0.2">
      <c r="B73" s="29"/>
      <c r="C73" s="7"/>
      <c r="D73" s="23">
        <v>100</v>
      </c>
      <c r="E73" s="24">
        <v>100</v>
      </c>
      <c r="F73" s="25" t="s">
        <v>152</v>
      </c>
      <c r="G73" s="26" t="s">
        <v>152</v>
      </c>
    </row>
    <row r="74" spans="2:7" x14ac:dyDescent="0.2">
      <c r="B74" s="29"/>
      <c r="C74" s="2" t="s">
        <v>69</v>
      </c>
      <c r="D74" s="19">
        <v>29</v>
      </c>
      <c r="E74" s="20">
        <v>22</v>
      </c>
      <c r="F74" s="21">
        <v>7</v>
      </c>
      <c r="G74" s="22" t="s">
        <v>152</v>
      </c>
    </row>
    <row r="75" spans="2:7" x14ac:dyDescent="0.2">
      <c r="B75" s="29"/>
      <c r="C75" s="7"/>
      <c r="D75" s="23">
        <v>100</v>
      </c>
      <c r="E75" s="24">
        <v>75.900000000000006</v>
      </c>
      <c r="F75" s="25">
        <v>24.1</v>
      </c>
      <c r="G75" s="26" t="s">
        <v>152</v>
      </c>
    </row>
    <row r="76" spans="2:7" x14ac:dyDescent="0.2">
      <c r="B76" s="29"/>
      <c r="C76" s="2" t="s">
        <v>149</v>
      </c>
      <c r="D76" s="19">
        <v>30</v>
      </c>
      <c r="E76" s="20">
        <v>23</v>
      </c>
      <c r="F76" s="21">
        <v>7</v>
      </c>
      <c r="G76" s="22" t="s">
        <v>152</v>
      </c>
    </row>
    <row r="77" spans="2:7" x14ac:dyDescent="0.2">
      <c r="B77" s="29"/>
      <c r="C77" s="7"/>
      <c r="D77" s="23">
        <v>100</v>
      </c>
      <c r="E77" s="24">
        <v>76.666666666666671</v>
      </c>
      <c r="F77" s="25">
        <v>23.333333333333332</v>
      </c>
      <c r="G77" s="26" t="s">
        <v>152</v>
      </c>
    </row>
    <row r="78" spans="2:7" x14ac:dyDescent="0.2">
      <c r="B78" s="29"/>
      <c r="C78" s="2" t="s">
        <v>70</v>
      </c>
      <c r="D78" s="19">
        <v>64</v>
      </c>
      <c r="E78" s="20">
        <v>39</v>
      </c>
      <c r="F78" s="21">
        <v>24</v>
      </c>
      <c r="G78" s="22">
        <v>1</v>
      </c>
    </row>
    <row r="79" spans="2:7" x14ac:dyDescent="0.2">
      <c r="B79" s="29"/>
      <c r="C79" s="7"/>
      <c r="D79" s="23">
        <v>100</v>
      </c>
      <c r="E79" s="24">
        <v>60.9</v>
      </c>
      <c r="F79" s="25">
        <v>37.5</v>
      </c>
      <c r="G79" s="26">
        <v>1.6</v>
      </c>
    </row>
    <row r="80" spans="2:7" x14ac:dyDescent="0.2">
      <c r="B80" s="29"/>
      <c r="C80" s="2" t="s">
        <v>71</v>
      </c>
      <c r="D80" s="19">
        <v>112</v>
      </c>
      <c r="E80" s="20">
        <v>51</v>
      </c>
      <c r="F80" s="21">
        <v>54</v>
      </c>
      <c r="G80" s="22">
        <v>7</v>
      </c>
    </row>
    <row r="81" spans="2:7" x14ac:dyDescent="0.2">
      <c r="B81" s="29"/>
      <c r="C81" s="7"/>
      <c r="D81" s="23">
        <v>100</v>
      </c>
      <c r="E81" s="24">
        <v>45.5</v>
      </c>
      <c r="F81" s="25">
        <v>48.2</v>
      </c>
      <c r="G81" s="26">
        <v>6.3</v>
      </c>
    </row>
    <row r="82" spans="2:7" x14ac:dyDescent="0.2">
      <c r="B82" s="29"/>
      <c r="C82" s="2" t="s">
        <v>72</v>
      </c>
      <c r="D82" s="19">
        <v>137</v>
      </c>
      <c r="E82" s="20">
        <v>85</v>
      </c>
      <c r="F82" s="21">
        <v>47</v>
      </c>
      <c r="G82" s="22">
        <v>5</v>
      </c>
    </row>
    <row r="83" spans="2:7" x14ac:dyDescent="0.2">
      <c r="B83" s="29"/>
      <c r="C83" s="7"/>
      <c r="D83" s="23">
        <v>100</v>
      </c>
      <c r="E83" s="24">
        <v>62</v>
      </c>
      <c r="F83" s="25">
        <v>34.299999999999997</v>
      </c>
      <c r="G83" s="26">
        <v>3.6</v>
      </c>
    </row>
    <row r="84" spans="2:7" x14ac:dyDescent="0.2">
      <c r="B84" s="29"/>
      <c r="C84" s="2" t="s">
        <v>73</v>
      </c>
      <c r="D84" s="19">
        <v>112</v>
      </c>
      <c r="E84" s="20">
        <v>56</v>
      </c>
      <c r="F84" s="21">
        <v>44</v>
      </c>
      <c r="G84" s="22">
        <v>12</v>
      </c>
    </row>
    <row r="85" spans="2:7" x14ac:dyDescent="0.2">
      <c r="B85" s="29"/>
      <c r="C85" s="7"/>
      <c r="D85" s="23">
        <v>100</v>
      </c>
      <c r="E85" s="24">
        <v>50</v>
      </c>
      <c r="F85" s="25">
        <v>39.299999999999997</v>
      </c>
      <c r="G85" s="26">
        <v>10.7</v>
      </c>
    </row>
    <row r="86" spans="2:7" x14ac:dyDescent="0.2">
      <c r="B86" s="29"/>
      <c r="C86" s="2" t="s">
        <v>60</v>
      </c>
      <c r="D86" s="19">
        <v>66</v>
      </c>
      <c r="E86" s="20">
        <v>28</v>
      </c>
      <c r="F86" s="21">
        <v>30</v>
      </c>
      <c r="G86" s="22">
        <v>8</v>
      </c>
    </row>
    <row r="87" spans="2:7" x14ac:dyDescent="0.2">
      <c r="B87" s="29"/>
      <c r="C87" s="7"/>
      <c r="D87" s="23">
        <v>100</v>
      </c>
      <c r="E87" s="24">
        <v>42.4</v>
      </c>
      <c r="F87" s="25">
        <v>45.5</v>
      </c>
      <c r="G87" s="26">
        <v>12.1</v>
      </c>
    </row>
    <row r="88" spans="2:7" x14ac:dyDescent="0.2">
      <c r="B88" s="29"/>
      <c r="C88" s="2" t="s">
        <v>74</v>
      </c>
      <c r="D88" s="19">
        <v>83</v>
      </c>
      <c r="E88" s="20">
        <v>42</v>
      </c>
      <c r="F88" s="21">
        <v>31</v>
      </c>
      <c r="G88" s="22">
        <v>10</v>
      </c>
    </row>
    <row r="89" spans="2:7" x14ac:dyDescent="0.2">
      <c r="B89" s="29"/>
      <c r="C89" s="7"/>
      <c r="D89" s="23">
        <v>100</v>
      </c>
      <c r="E89" s="24">
        <v>50.6</v>
      </c>
      <c r="F89" s="25">
        <v>37.299999999999997</v>
      </c>
      <c r="G89" s="26">
        <v>12</v>
      </c>
    </row>
    <row r="90" spans="2:7" x14ac:dyDescent="0.2">
      <c r="B90" s="29"/>
      <c r="C90" s="2" t="s">
        <v>0</v>
      </c>
      <c r="D90" s="19">
        <v>75</v>
      </c>
      <c r="E90" s="20">
        <v>33</v>
      </c>
      <c r="F90" s="21">
        <v>29</v>
      </c>
      <c r="G90" s="22">
        <v>13</v>
      </c>
    </row>
    <row r="91" spans="2:7" x14ac:dyDescent="0.2">
      <c r="B91" s="29"/>
      <c r="C91" s="7"/>
      <c r="D91" s="23">
        <v>100</v>
      </c>
      <c r="E91" s="24">
        <v>44</v>
      </c>
      <c r="F91" s="25">
        <v>38.700000000000003</v>
      </c>
      <c r="G91" s="26">
        <v>17.3</v>
      </c>
    </row>
    <row r="92" spans="2:7" x14ac:dyDescent="0.2">
      <c r="B92" s="28" t="s">
        <v>32</v>
      </c>
      <c r="C92" s="9" t="s">
        <v>12</v>
      </c>
      <c r="D92" s="11">
        <v>1241</v>
      </c>
      <c r="E92" s="12">
        <v>654</v>
      </c>
      <c r="F92" s="13">
        <v>504</v>
      </c>
      <c r="G92" s="14">
        <v>83</v>
      </c>
    </row>
    <row r="93" spans="2:7" x14ac:dyDescent="0.2">
      <c r="B93" s="29"/>
      <c r="C93" s="8"/>
      <c r="D93" s="15">
        <v>100</v>
      </c>
      <c r="E93" s="16">
        <v>52.7</v>
      </c>
      <c r="F93" s="17">
        <v>40.6</v>
      </c>
      <c r="G93" s="18">
        <v>6.7</v>
      </c>
    </row>
    <row r="94" spans="2:7" x14ac:dyDescent="0.2">
      <c r="B94" s="29"/>
      <c r="C94" s="2" t="s">
        <v>21</v>
      </c>
      <c r="D94" s="19">
        <v>65</v>
      </c>
      <c r="E94" s="20">
        <v>40</v>
      </c>
      <c r="F94" s="21">
        <v>20</v>
      </c>
      <c r="G94" s="22">
        <v>5</v>
      </c>
    </row>
    <row r="95" spans="2:7" x14ac:dyDescent="0.2">
      <c r="B95" s="29"/>
      <c r="C95" s="7"/>
      <c r="D95" s="23">
        <v>100</v>
      </c>
      <c r="E95" s="24">
        <v>61.5</v>
      </c>
      <c r="F95" s="25">
        <v>30.8</v>
      </c>
      <c r="G95" s="26">
        <v>7.7</v>
      </c>
    </row>
    <row r="96" spans="2:7" x14ac:dyDescent="0.2">
      <c r="B96" s="29"/>
      <c r="C96" s="2" t="s">
        <v>20</v>
      </c>
      <c r="D96" s="19">
        <v>7</v>
      </c>
      <c r="E96" s="20">
        <v>4</v>
      </c>
      <c r="F96" s="21">
        <v>3</v>
      </c>
      <c r="G96" s="22" t="s">
        <v>152</v>
      </c>
    </row>
    <row r="97" spans="2:7" x14ac:dyDescent="0.2">
      <c r="B97" s="29"/>
      <c r="C97" s="7"/>
      <c r="D97" s="23">
        <v>100</v>
      </c>
      <c r="E97" s="24">
        <v>57.1</v>
      </c>
      <c r="F97" s="25">
        <v>42.9</v>
      </c>
      <c r="G97" s="26" t="s">
        <v>152</v>
      </c>
    </row>
    <row r="98" spans="2:7" x14ac:dyDescent="0.2">
      <c r="B98" s="29"/>
      <c r="C98" s="2" t="s">
        <v>19</v>
      </c>
      <c r="D98" s="19">
        <v>484</v>
      </c>
      <c r="E98" s="20">
        <v>270</v>
      </c>
      <c r="F98" s="21">
        <v>198</v>
      </c>
      <c r="G98" s="22">
        <v>16</v>
      </c>
    </row>
    <row r="99" spans="2:7" x14ac:dyDescent="0.2">
      <c r="B99" s="29"/>
      <c r="C99" s="7"/>
      <c r="D99" s="23">
        <v>100</v>
      </c>
      <c r="E99" s="24">
        <v>55.8</v>
      </c>
      <c r="F99" s="25">
        <v>40.9</v>
      </c>
      <c r="G99" s="26">
        <v>3.3</v>
      </c>
    </row>
    <row r="100" spans="2:7" x14ac:dyDescent="0.2">
      <c r="B100" s="29"/>
      <c r="C100" s="2" t="s">
        <v>18</v>
      </c>
      <c r="D100" s="19">
        <v>195</v>
      </c>
      <c r="E100" s="20">
        <v>101</v>
      </c>
      <c r="F100" s="21">
        <v>82</v>
      </c>
      <c r="G100" s="22">
        <v>12</v>
      </c>
    </row>
    <row r="101" spans="2:7" x14ac:dyDescent="0.2">
      <c r="B101" s="29"/>
      <c r="C101" s="7"/>
      <c r="D101" s="23">
        <v>100</v>
      </c>
      <c r="E101" s="24">
        <v>51.8</v>
      </c>
      <c r="F101" s="25">
        <v>42.1</v>
      </c>
      <c r="G101" s="26">
        <v>6.2</v>
      </c>
    </row>
    <row r="102" spans="2:7" x14ac:dyDescent="0.2">
      <c r="B102" s="29"/>
      <c r="C102" s="2" t="s">
        <v>17</v>
      </c>
      <c r="D102" s="19">
        <v>1</v>
      </c>
      <c r="E102" s="20">
        <v>1</v>
      </c>
      <c r="F102" s="21" t="s">
        <v>152</v>
      </c>
      <c r="G102" s="22" t="s">
        <v>152</v>
      </c>
    </row>
    <row r="103" spans="2:7" x14ac:dyDescent="0.2">
      <c r="B103" s="29"/>
      <c r="C103" s="7"/>
      <c r="D103" s="23">
        <v>100</v>
      </c>
      <c r="E103" s="24">
        <v>100</v>
      </c>
      <c r="F103" s="25" t="s">
        <v>152</v>
      </c>
      <c r="G103" s="26" t="s">
        <v>152</v>
      </c>
    </row>
    <row r="104" spans="2:7" x14ac:dyDescent="0.2">
      <c r="B104" s="29"/>
      <c r="C104" s="2" t="s">
        <v>151</v>
      </c>
      <c r="D104" s="19">
        <v>178</v>
      </c>
      <c r="E104" s="20">
        <v>93</v>
      </c>
      <c r="F104" s="21">
        <v>72</v>
      </c>
      <c r="G104" s="22">
        <v>13</v>
      </c>
    </row>
    <row r="105" spans="2:7" x14ac:dyDescent="0.2">
      <c r="B105" s="29"/>
      <c r="C105" s="7"/>
      <c r="D105" s="23">
        <v>100</v>
      </c>
      <c r="E105" s="24">
        <v>52.2</v>
      </c>
      <c r="F105" s="25">
        <v>40.4</v>
      </c>
      <c r="G105" s="26">
        <v>7.3</v>
      </c>
    </row>
    <row r="106" spans="2:7" x14ac:dyDescent="0.2">
      <c r="B106" s="29"/>
      <c r="C106" s="2" t="s">
        <v>16</v>
      </c>
      <c r="D106" s="19">
        <v>10</v>
      </c>
      <c r="E106" s="20">
        <v>10</v>
      </c>
      <c r="F106" s="21" t="s">
        <v>152</v>
      </c>
      <c r="G106" s="22" t="s">
        <v>152</v>
      </c>
    </row>
    <row r="107" spans="2:7" x14ac:dyDescent="0.2">
      <c r="B107" s="29"/>
      <c r="C107" s="7"/>
      <c r="D107" s="23">
        <v>100</v>
      </c>
      <c r="E107" s="24">
        <v>100</v>
      </c>
      <c r="F107" s="25" t="s">
        <v>152</v>
      </c>
      <c r="G107" s="26" t="s">
        <v>152</v>
      </c>
    </row>
    <row r="108" spans="2:7" x14ac:dyDescent="0.2">
      <c r="B108" s="29"/>
      <c r="C108" s="2" t="s">
        <v>15</v>
      </c>
      <c r="D108" s="19">
        <v>211</v>
      </c>
      <c r="E108" s="20">
        <v>96</v>
      </c>
      <c r="F108" s="21">
        <v>97</v>
      </c>
      <c r="G108" s="22">
        <v>18</v>
      </c>
    </row>
    <row r="109" spans="2:7" x14ac:dyDescent="0.2">
      <c r="B109" s="29"/>
      <c r="C109" s="7"/>
      <c r="D109" s="23">
        <v>100</v>
      </c>
      <c r="E109" s="24">
        <v>45.5</v>
      </c>
      <c r="F109" s="25">
        <v>46</v>
      </c>
      <c r="G109" s="26">
        <v>8.5</v>
      </c>
    </row>
    <row r="110" spans="2:7" x14ac:dyDescent="0.2">
      <c r="B110" s="29"/>
      <c r="C110" s="2" t="s">
        <v>14</v>
      </c>
      <c r="D110" s="19">
        <v>12</v>
      </c>
      <c r="E110" s="20">
        <v>5</v>
      </c>
      <c r="F110" s="21">
        <v>5</v>
      </c>
      <c r="G110" s="22">
        <v>2</v>
      </c>
    </row>
    <row r="111" spans="2:7" x14ac:dyDescent="0.2">
      <c r="B111" s="29"/>
      <c r="C111" s="7"/>
      <c r="D111" s="23">
        <v>100</v>
      </c>
      <c r="E111" s="24">
        <v>41.7</v>
      </c>
      <c r="F111" s="25">
        <v>41.7</v>
      </c>
      <c r="G111" s="26">
        <v>16.7</v>
      </c>
    </row>
    <row r="112" spans="2:7" x14ac:dyDescent="0.2">
      <c r="B112" s="29"/>
      <c r="C112" s="2" t="s">
        <v>13</v>
      </c>
      <c r="D112" s="19">
        <v>78</v>
      </c>
      <c r="E112" s="20">
        <v>34</v>
      </c>
      <c r="F112" s="21">
        <v>27</v>
      </c>
      <c r="G112" s="22">
        <v>17</v>
      </c>
    </row>
    <row r="113" spans="2:7" x14ac:dyDescent="0.2">
      <c r="B113" s="30"/>
      <c r="C113" s="10"/>
      <c r="D113" s="15">
        <v>100</v>
      </c>
      <c r="E113" s="16">
        <v>43.6</v>
      </c>
      <c r="F113" s="17">
        <v>34.6</v>
      </c>
      <c r="G113" s="18">
        <v>21.8</v>
      </c>
    </row>
    <row r="114" spans="2:7" x14ac:dyDescent="0.2">
      <c r="B114" s="28" t="s">
        <v>31</v>
      </c>
      <c r="C114" s="9" t="s">
        <v>12</v>
      </c>
      <c r="D114" s="11">
        <v>752</v>
      </c>
      <c r="E114" s="12">
        <v>416</v>
      </c>
      <c r="F114" s="13">
        <v>303</v>
      </c>
      <c r="G114" s="14">
        <v>33</v>
      </c>
    </row>
    <row r="115" spans="2:7" x14ac:dyDescent="0.2">
      <c r="B115" s="29"/>
      <c r="C115" s="8"/>
      <c r="D115" s="15">
        <v>100</v>
      </c>
      <c r="E115" s="16">
        <v>55.3</v>
      </c>
      <c r="F115" s="17">
        <v>40.299999999999997</v>
      </c>
      <c r="G115" s="18">
        <v>4.4000000000000004</v>
      </c>
    </row>
    <row r="116" spans="2:7" x14ac:dyDescent="0.2">
      <c r="B116" s="29"/>
      <c r="C116" s="2" t="s">
        <v>11</v>
      </c>
      <c r="D116" s="19">
        <v>2</v>
      </c>
      <c r="E116" s="20">
        <v>2</v>
      </c>
      <c r="F116" s="21" t="s">
        <v>152</v>
      </c>
      <c r="G116" s="22" t="s">
        <v>152</v>
      </c>
    </row>
    <row r="117" spans="2:7" x14ac:dyDescent="0.2">
      <c r="B117" s="29"/>
      <c r="C117" s="7"/>
      <c r="D117" s="23">
        <v>100</v>
      </c>
      <c r="E117" s="24">
        <v>100</v>
      </c>
      <c r="F117" s="25" t="s">
        <v>152</v>
      </c>
      <c r="G117" s="26" t="s">
        <v>152</v>
      </c>
    </row>
    <row r="118" spans="2:7" x14ac:dyDescent="0.2">
      <c r="B118" s="29"/>
      <c r="C118" s="2" t="s">
        <v>10</v>
      </c>
      <c r="D118" s="19">
        <v>32</v>
      </c>
      <c r="E118" s="20">
        <v>20</v>
      </c>
      <c r="F118" s="21">
        <v>9</v>
      </c>
      <c r="G118" s="22">
        <v>3</v>
      </c>
    </row>
    <row r="119" spans="2:7" x14ac:dyDescent="0.2">
      <c r="B119" s="29"/>
      <c r="C119" s="7"/>
      <c r="D119" s="23">
        <v>100</v>
      </c>
      <c r="E119" s="24">
        <v>62.5</v>
      </c>
      <c r="F119" s="25">
        <v>28.1</v>
      </c>
      <c r="G119" s="26">
        <v>9.4</v>
      </c>
    </row>
    <row r="120" spans="2:7" x14ac:dyDescent="0.2">
      <c r="B120" s="29"/>
      <c r="C120" s="2" t="s">
        <v>9</v>
      </c>
      <c r="D120" s="19">
        <v>33</v>
      </c>
      <c r="E120" s="20">
        <v>20</v>
      </c>
      <c r="F120" s="21">
        <v>11</v>
      </c>
      <c r="G120" s="22">
        <v>2</v>
      </c>
    </row>
    <row r="121" spans="2:7" x14ac:dyDescent="0.2">
      <c r="B121" s="29"/>
      <c r="C121" s="7"/>
      <c r="D121" s="23">
        <v>100</v>
      </c>
      <c r="E121" s="24">
        <v>60.6</v>
      </c>
      <c r="F121" s="25">
        <v>33.299999999999997</v>
      </c>
      <c r="G121" s="26">
        <v>6.1</v>
      </c>
    </row>
    <row r="122" spans="2:7" x14ac:dyDescent="0.2">
      <c r="B122" s="29"/>
      <c r="C122" s="2" t="s">
        <v>8</v>
      </c>
      <c r="D122" s="19">
        <v>71</v>
      </c>
      <c r="E122" s="20">
        <v>39</v>
      </c>
      <c r="F122" s="21">
        <v>31</v>
      </c>
      <c r="G122" s="22">
        <v>1</v>
      </c>
    </row>
    <row r="123" spans="2:7" x14ac:dyDescent="0.2">
      <c r="B123" s="29"/>
      <c r="C123" s="7"/>
      <c r="D123" s="23">
        <v>100</v>
      </c>
      <c r="E123" s="24">
        <v>54.9</v>
      </c>
      <c r="F123" s="25">
        <v>43.7</v>
      </c>
      <c r="G123" s="26">
        <v>1.4</v>
      </c>
    </row>
    <row r="124" spans="2:7" x14ac:dyDescent="0.2">
      <c r="B124" s="29"/>
      <c r="C124" s="2" t="s">
        <v>7</v>
      </c>
      <c r="D124" s="19">
        <v>152</v>
      </c>
      <c r="E124" s="20">
        <v>82</v>
      </c>
      <c r="F124" s="21">
        <v>63</v>
      </c>
      <c r="G124" s="22">
        <v>7</v>
      </c>
    </row>
    <row r="125" spans="2:7" x14ac:dyDescent="0.2">
      <c r="B125" s="29"/>
      <c r="C125" s="7"/>
      <c r="D125" s="23">
        <v>100</v>
      </c>
      <c r="E125" s="24">
        <v>53.9</v>
      </c>
      <c r="F125" s="25">
        <v>41.4</v>
      </c>
      <c r="G125" s="26">
        <v>4.5999999999999996</v>
      </c>
    </row>
    <row r="126" spans="2:7" x14ac:dyDescent="0.2">
      <c r="B126" s="29"/>
      <c r="C126" s="2" t="s">
        <v>6</v>
      </c>
      <c r="D126" s="19">
        <v>176</v>
      </c>
      <c r="E126" s="20">
        <v>100</v>
      </c>
      <c r="F126" s="21">
        <v>67</v>
      </c>
      <c r="G126" s="22">
        <v>9</v>
      </c>
    </row>
    <row r="127" spans="2:7" x14ac:dyDescent="0.2">
      <c r="B127" s="29"/>
      <c r="C127" s="7"/>
      <c r="D127" s="23">
        <v>100</v>
      </c>
      <c r="E127" s="24">
        <v>56.8</v>
      </c>
      <c r="F127" s="25">
        <v>38.1</v>
      </c>
      <c r="G127" s="26">
        <v>5.0999999999999996</v>
      </c>
    </row>
    <row r="128" spans="2:7" x14ac:dyDescent="0.2">
      <c r="B128" s="29"/>
      <c r="C128" s="2" t="s">
        <v>5</v>
      </c>
      <c r="D128" s="19">
        <v>37</v>
      </c>
      <c r="E128" s="20">
        <v>22</v>
      </c>
      <c r="F128" s="21">
        <v>14</v>
      </c>
      <c r="G128" s="22">
        <v>1</v>
      </c>
    </row>
    <row r="129" spans="2:7" x14ac:dyDescent="0.2">
      <c r="B129" s="29"/>
      <c r="C129" s="7"/>
      <c r="D129" s="23">
        <v>100</v>
      </c>
      <c r="E129" s="24">
        <v>59.5</v>
      </c>
      <c r="F129" s="25">
        <v>37.799999999999997</v>
      </c>
      <c r="G129" s="26">
        <v>2.7</v>
      </c>
    </row>
    <row r="130" spans="2:7" x14ac:dyDescent="0.2">
      <c r="B130" s="29"/>
      <c r="C130" s="2" t="s">
        <v>4</v>
      </c>
      <c r="D130" s="19">
        <v>67</v>
      </c>
      <c r="E130" s="20">
        <v>32</v>
      </c>
      <c r="F130" s="21">
        <v>35</v>
      </c>
      <c r="G130" s="22" t="s">
        <v>152</v>
      </c>
    </row>
    <row r="131" spans="2:7" x14ac:dyDescent="0.2">
      <c r="B131" s="29"/>
      <c r="C131" s="7"/>
      <c r="D131" s="23">
        <v>100</v>
      </c>
      <c r="E131" s="24">
        <v>47.8</v>
      </c>
      <c r="F131" s="25">
        <v>52.2</v>
      </c>
      <c r="G131" s="26" t="s">
        <v>152</v>
      </c>
    </row>
    <row r="132" spans="2:7" x14ac:dyDescent="0.2">
      <c r="B132" s="29"/>
      <c r="C132" s="2" t="s">
        <v>3</v>
      </c>
      <c r="D132" s="19">
        <v>159</v>
      </c>
      <c r="E132" s="20">
        <v>88</v>
      </c>
      <c r="F132" s="21">
        <v>63</v>
      </c>
      <c r="G132" s="22">
        <v>8</v>
      </c>
    </row>
    <row r="133" spans="2:7" x14ac:dyDescent="0.2">
      <c r="B133" s="29"/>
      <c r="C133" s="7"/>
      <c r="D133" s="23">
        <v>100</v>
      </c>
      <c r="E133" s="24">
        <v>55.3</v>
      </c>
      <c r="F133" s="25">
        <v>39.6</v>
      </c>
      <c r="G133" s="26">
        <v>5</v>
      </c>
    </row>
    <row r="134" spans="2:7" x14ac:dyDescent="0.2">
      <c r="B134" s="29"/>
      <c r="C134" s="2" t="s">
        <v>2</v>
      </c>
      <c r="D134" s="19">
        <v>23</v>
      </c>
      <c r="E134" s="20">
        <v>11</v>
      </c>
      <c r="F134" s="21">
        <v>10</v>
      </c>
      <c r="G134" s="22">
        <v>2</v>
      </c>
    </row>
    <row r="135" spans="2:7" x14ac:dyDescent="0.2">
      <c r="B135" s="30"/>
      <c r="C135" s="10"/>
      <c r="D135" s="15">
        <v>100</v>
      </c>
      <c r="E135" s="16">
        <v>47.8</v>
      </c>
      <c r="F135" s="17">
        <v>43.5</v>
      </c>
      <c r="G135" s="18">
        <v>8.699999999999999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6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54</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654</v>
      </c>
      <c r="F4" s="13">
        <v>504</v>
      </c>
      <c r="G4" s="14">
        <v>83</v>
      </c>
    </row>
    <row r="5" spans="2:7" x14ac:dyDescent="0.2">
      <c r="B5" s="29"/>
      <c r="C5" s="8"/>
      <c r="D5" s="15">
        <v>100</v>
      </c>
      <c r="E5" s="16">
        <v>52.7</v>
      </c>
      <c r="F5" s="17">
        <v>40.6</v>
      </c>
      <c r="G5" s="18">
        <v>6.7</v>
      </c>
    </row>
    <row r="6" spans="2:7" x14ac:dyDescent="0.2">
      <c r="B6" s="29"/>
      <c r="C6" s="2" t="s">
        <v>52</v>
      </c>
      <c r="D6" s="19">
        <v>557</v>
      </c>
      <c r="E6" s="20">
        <v>274</v>
      </c>
      <c r="F6" s="21">
        <v>240</v>
      </c>
      <c r="G6" s="22">
        <v>43</v>
      </c>
    </row>
    <row r="7" spans="2:7" x14ac:dyDescent="0.2">
      <c r="B7" s="29"/>
      <c r="C7" s="7"/>
      <c r="D7" s="23">
        <v>100</v>
      </c>
      <c r="E7" s="24">
        <v>49.2</v>
      </c>
      <c r="F7" s="25">
        <v>43.1</v>
      </c>
      <c r="G7" s="26">
        <v>7.7</v>
      </c>
    </row>
    <row r="8" spans="2:7" x14ac:dyDescent="0.2">
      <c r="B8" s="29"/>
      <c r="C8" s="2" t="s">
        <v>51</v>
      </c>
      <c r="D8" s="19">
        <v>595</v>
      </c>
      <c r="E8" s="20">
        <v>341</v>
      </c>
      <c r="F8" s="21">
        <v>229</v>
      </c>
      <c r="G8" s="22">
        <v>25</v>
      </c>
    </row>
    <row r="9" spans="2:7" x14ac:dyDescent="0.2">
      <c r="B9" s="29"/>
      <c r="C9" s="7"/>
      <c r="D9" s="23">
        <v>100</v>
      </c>
      <c r="E9" s="24">
        <v>57.3</v>
      </c>
      <c r="F9" s="25">
        <v>38.5</v>
      </c>
      <c r="G9" s="26">
        <v>4.2</v>
      </c>
    </row>
    <row r="10" spans="2:7" x14ac:dyDescent="0.2">
      <c r="B10" s="29"/>
      <c r="C10" s="2" t="s">
        <v>13</v>
      </c>
      <c r="D10" s="19">
        <v>89</v>
      </c>
      <c r="E10" s="20">
        <v>39</v>
      </c>
      <c r="F10" s="21">
        <v>35</v>
      </c>
      <c r="G10" s="22">
        <v>15</v>
      </c>
    </row>
    <row r="11" spans="2:7" x14ac:dyDescent="0.2">
      <c r="B11" s="30"/>
      <c r="C11" s="10"/>
      <c r="D11" s="15">
        <v>100</v>
      </c>
      <c r="E11" s="16">
        <v>43.8</v>
      </c>
      <c r="F11" s="17">
        <v>39.299999999999997</v>
      </c>
      <c r="G11" s="18">
        <v>16.899999999999999</v>
      </c>
    </row>
    <row r="12" spans="2:7" x14ac:dyDescent="0.2">
      <c r="B12" s="28" t="s">
        <v>54</v>
      </c>
      <c r="C12" s="9" t="s">
        <v>12</v>
      </c>
      <c r="D12" s="11">
        <v>1241</v>
      </c>
      <c r="E12" s="12">
        <v>654</v>
      </c>
      <c r="F12" s="13">
        <v>504</v>
      </c>
      <c r="G12" s="14">
        <v>83</v>
      </c>
    </row>
    <row r="13" spans="2:7" x14ac:dyDescent="0.2">
      <c r="B13" s="29"/>
      <c r="C13" s="8"/>
      <c r="D13" s="15">
        <v>100</v>
      </c>
      <c r="E13" s="16">
        <v>52.7</v>
      </c>
      <c r="F13" s="17">
        <v>40.6</v>
      </c>
      <c r="G13" s="18">
        <v>6.7</v>
      </c>
    </row>
    <row r="14" spans="2:7" x14ac:dyDescent="0.2">
      <c r="B14" s="29"/>
      <c r="C14" s="2" t="s">
        <v>50</v>
      </c>
      <c r="D14" s="19">
        <v>84</v>
      </c>
      <c r="E14" s="20">
        <v>43</v>
      </c>
      <c r="F14" s="21">
        <v>40</v>
      </c>
      <c r="G14" s="22">
        <v>1</v>
      </c>
    </row>
    <row r="15" spans="2:7" x14ac:dyDescent="0.2">
      <c r="B15" s="29"/>
      <c r="C15" s="7"/>
      <c r="D15" s="23">
        <v>100</v>
      </c>
      <c r="E15" s="24">
        <v>51.2</v>
      </c>
      <c r="F15" s="25">
        <v>47.6</v>
      </c>
      <c r="G15" s="26">
        <v>1.2</v>
      </c>
    </row>
    <row r="16" spans="2:7" x14ac:dyDescent="0.2">
      <c r="B16" s="29"/>
      <c r="C16" s="2" t="s">
        <v>49</v>
      </c>
      <c r="D16" s="19">
        <v>97</v>
      </c>
      <c r="E16" s="20">
        <v>44</v>
      </c>
      <c r="F16" s="21">
        <v>52</v>
      </c>
      <c r="G16" s="22">
        <v>1</v>
      </c>
    </row>
    <row r="17" spans="2:7" x14ac:dyDescent="0.2">
      <c r="B17" s="29"/>
      <c r="C17" s="7"/>
      <c r="D17" s="23">
        <v>100</v>
      </c>
      <c r="E17" s="24">
        <v>45.4</v>
      </c>
      <c r="F17" s="25">
        <v>53.6</v>
      </c>
      <c r="G17" s="26">
        <v>1</v>
      </c>
    </row>
    <row r="18" spans="2:7" x14ac:dyDescent="0.2">
      <c r="B18" s="29"/>
      <c r="C18" s="2" t="s">
        <v>48</v>
      </c>
      <c r="D18" s="19">
        <v>79</v>
      </c>
      <c r="E18" s="20">
        <v>40</v>
      </c>
      <c r="F18" s="21">
        <v>36</v>
      </c>
      <c r="G18" s="22">
        <v>3</v>
      </c>
    </row>
    <row r="19" spans="2:7" x14ac:dyDescent="0.2">
      <c r="B19" s="29"/>
      <c r="C19" s="7"/>
      <c r="D19" s="23">
        <v>100</v>
      </c>
      <c r="E19" s="24">
        <v>50.6</v>
      </c>
      <c r="F19" s="25">
        <v>45.6</v>
      </c>
      <c r="G19" s="26">
        <v>3.8</v>
      </c>
    </row>
    <row r="20" spans="2:7" x14ac:dyDescent="0.2">
      <c r="B20" s="29"/>
      <c r="C20" s="2" t="s">
        <v>47</v>
      </c>
      <c r="D20" s="19">
        <v>72</v>
      </c>
      <c r="E20" s="20">
        <v>45</v>
      </c>
      <c r="F20" s="21">
        <v>25</v>
      </c>
      <c r="G20" s="22">
        <v>2</v>
      </c>
    </row>
    <row r="21" spans="2:7" x14ac:dyDescent="0.2">
      <c r="B21" s="29"/>
      <c r="C21" s="7"/>
      <c r="D21" s="23">
        <v>100</v>
      </c>
      <c r="E21" s="24">
        <v>62.5</v>
      </c>
      <c r="F21" s="25">
        <v>34.700000000000003</v>
      </c>
      <c r="G21" s="26">
        <v>2.8</v>
      </c>
    </row>
    <row r="22" spans="2:7" x14ac:dyDescent="0.2">
      <c r="B22" s="29"/>
      <c r="C22" s="2" t="s">
        <v>46</v>
      </c>
      <c r="D22" s="19">
        <v>15</v>
      </c>
      <c r="E22" s="20">
        <v>11</v>
      </c>
      <c r="F22" s="21">
        <v>3</v>
      </c>
      <c r="G22" s="22">
        <v>1</v>
      </c>
    </row>
    <row r="23" spans="2:7" x14ac:dyDescent="0.2">
      <c r="B23" s="29"/>
      <c r="C23" s="7"/>
      <c r="D23" s="23">
        <v>100</v>
      </c>
      <c r="E23" s="24">
        <v>73.3</v>
      </c>
      <c r="F23" s="25">
        <v>20</v>
      </c>
      <c r="G23" s="26">
        <v>6.7</v>
      </c>
    </row>
    <row r="24" spans="2:7" x14ac:dyDescent="0.2">
      <c r="B24" s="29"/>
      <c r="C24" s="2" t="s">
        <v>45</v>
      </c>
      <c r="D24" s="19">
        <v>77</v>
      </c>
      <c r="E24" s="20">
        <v>42</v>
      </c>
      <c r="F24" s="21">
        <v>31</v>
      </c>
      <c r="G24" s="22">
        <v>4</v>
      </c>
    </row>
    <row r="25" spans="2:7" x14ac:dyDescent="0.2">
      <c r="B25" s="29"/>
      <c r="C25" s="7"/>
      <c r="D25" s="23">
        <v>100</v>
      </c>
      <c r="E25" s="24">
        <v>54.5</v>
      </c>
      <c r="F25" s="25">
        <v>40.299999999999997</v>
      </c>
      <c r="G25" s="26">
        <v>5.2</v>
      </c>
    </row>
    <row r="26" spans="2:7" x14ac:dyDescent="0.2">
      <c r="B26" s="29"/>
      <c r="C26" s="2" t="s">
        <v>44</v>
      </c>
      <c r="D26" s="19">
        <v>260</v>
      </c>
      <c r="E26" s="20">
        <v>134</v>
      </c>
      <c r="F26" s="21">
        <v>104</v>
      </c>
      <c r="G26" s="22">
        <v>22</v>
      </c>
    </row>
    <row r="27" spans="2:7" x14ac:dyDescent="0.2">
      <c r="B27" s="29"/>
      <c r="C27" s="7"/>
      <c r="D27" s="23">
        <v>100</v>
      </c>
      <c r="E27" s="24">
        <v>51.5</v>
      </c>
      <c r="F27" s="25">
        <v>40</v>
      </c>
      <c r="G27" s="26">
        <v>8.5</v>
      </c>
    </row>
    <row r="28" spans="2:7" x14ac:dyDescent="0.2">
      <c r="B28" s="29"/>
      <c r="C28" s="2" t="s">
        <v>43</v>
      </c>
      <c r="D28" s="19">
        <v>334</v>
      </c>
      <c r="E28" s="20">
        <v>168</v>
      </c>
      <c r="F28" s="21">
        <v>138</v>
      </c>
      <c r="G28" s="22">
        <v>28</v>
      </c>
    </row>
    <row r="29" spans="2:7" x14ac:dyDescent="0.2">
      <c r="B29" s="29"/>
      <c r="C29" s="7"/>
      <c r="D29" s="23">
        <v>100</v>
      </c>
      <c r="E29" s="24">
        <v>50.3</v>
      </c>
      <c r="F29" s="25">
        <v>41.3</v>
      </c>
      <c r="G29" s="26">
        <v>8.4</v>
      </c>
    </row>
    <row r="30" spans="2:7" x14ac:dyDescent="0.2">
      <c r="B30" s="29"/>
      <c r="C30" s="2" t="s">
        <v>14</v>
      </c>
      <c r="D30" s="19">
        <v>28</v>
      </c>
      <c r="E30" s="20">
        <v>13</v>
      </c>
      <c r="F30" s="21">
        <v>14</v>
      </c>
      <c r="G30" s="22">
        <v>1</v>
      </c>
    </row>
    <row r="31" spans="2:7" x14ac:dyDescent="0.2">
      <c r="B31" s="29"/>
      <c r="C31" s="7"/>
      <c r="D31" s="23">
        <v>100</v>
      </c>
      <c r="E31" s="24">
        <v>46.4</v>
      </c>
      <c r="F31" s="25">
        <v>50</v>
      </c>
      <c r="G31" s="26">
        <v>3.6</v>
      </c>
    </row>
    <row r="32" spans="2:7" x14ac:dyDescent="0.2">
      <c r="B32" s="29"/>
      <c r="C32" s="2" t="s">
        <v>42</v>
      </c>
      <c r="D32" s="19">
        <v>390</v>
      </c>
      <c r="E32" s="20">
        <v>216</v>
      </c>
      <c r="F32" s="21">
        <v>156</v>
      </c>
      <c r="G32" s="22">
        <v>18</v>
      </c>
    </row>
    <row r="33" spans="2:7" x14ac:dyDescent="0.2">
      <c r="B33" s="29"/>
      <c r="C33" s="7"/>
      <c r="D33" s="23">
        <v>100</v>
      </c>
      <c r="E33" s="24">
        <v>55.4</v>
      </c>
      <c r="F33" s="25">
        <v>40</v>
      </c>
      <c r="G33" s="26">
        <v>4.5999999999999996</v>
      </c>
    </row>
    <row r="34" spans="2:7" x14ac:dyDescent="0.2">
      <c r="B34" s="29"/>
      <c r="C34" s="2" t="s">
        <v>13</v>
      </c>
      <c r="D34" s="19">
        <v>70</v>
      </c>
      <c r="E34" s="20">
        <v>30</v>
      </c>
      <c r="F34" s="21">
        <v>25</v>
      </c>
      <c r="G34" s="22">
        <v>15</v>
      </c>
    </row>
    <row r="35" spans="2:7" x14ac:dyDescent="0.2">
      <c r="B35" s="30"/>
      <c r="C35" s="10"/>
      <c r="D35" s="15">
        <v>100</v>
      </c>
      <c r="E35" s="16">
        <v>42.9</v>
      </c>
      <c r="F35" s="17">
        <v>35.700000000000003</v>
      </c>
      <c r="G35" s="18">
        <v>21.4</v>
      </c>
    </row>
    <row r="36" spans="2:7" x14ac:dyDescent="0.2">
      <c r="B36" s="28" t="s">
        <v>53</v>
      </c>
      <c r="C36" s="9" t="s">
        <v>12</v>
      </c>
      <c r="D36" s="11">
        <v>1241</v>
      </c>
      <c r="E36" s="12">
        <v>654</v>
      </c>
      <c r="F36" s="13">
        <v>504</v>
      </c>
      <c r="G36" s="14">
        <v>83</v>
      </c>
    </row>
    <row r="37" spans="2:7" x14ac:dyDescent="0.2">
      <c r="B37" s="29"/>
      <c r="C37" s="8"/>
      <c r="D37" s="15">
        <v>100</v>
      </c>
      <c r="E37" s="16">
        <v>52.7</v>
      </c>
      <c r="F37" s="17">
        <v>40.6</v>
      </c>
      <c r="G37" s="18">
        <v>6.7</v>
      </c>
    </row>
    <row r="38" spans="2:7" x14ac:dyDescent="0.2">
      <c r="B38" s="29"/>
      <c r="C38" s="2" t="s">
        <v>41</v>
      </c>
      <c r="D38" s="19">
        <v>799</v>
      </c>
      <c r="E38" s="20">
        <v>440</v>
      </c>
      <c r="F38" s="21">
        <v>327</v>
      </c>
      <c r="G38" s="22">
        <v>32</v>
      </c>
    </row>
    <row r="39" spans="2:7" x14ac:dyDescent="0.2">
      <c r="B39" s="29"/>
      <c r="C39" s="7"/>
      <c r="D39" s="23">
        <v>100</v>
      </c>
      <c r="E39" s="24">
        <v>55.1</v>
      </c>
      <c r="F39" s="25">
        <v>40.9</v>
      </c>
      <c r="G39" s="26">
        <v>4</v>
      </c>
    </row>
    <row r="40" spans="2:7" x14ac:dyDescent="0.2">
      <c r="B40" s="29"/>
      <c r="C40" s="2" t="s">
        <v>40</v>
      </c>
      <c r="D40" s="19">
        <v>182</v>
      </c>
      <c r="E40" s="20">
        <v>98</v>
      </c>
      <c r="F40" s="21">
        <v>67</v>
      </c>
      <c r="G40" s="22">
        <v>17</v>
      </c>
    </row>
    <row r="41" spans="2:7" x14ac:dyDescent="0.2">
      <c r="B41" s="29"/>
      <c r="C41" s="7"/>
      <c r="D41" s="23">
        <v>100</v>
      </c>
      <c r="E41" s="24">
        <v>53.8</v>
      </c>
      <c r="F41" s="25">
        <v>36.799999999999997</v>
      </c>
      <c r="G41" s="26">
        <v>9.3000000000000007</v>
      </c>
    </row>
    <row r="42" spans="2:7" x14ac:dyDescent="0.2">
      <c r="B42" s="29"/>
      <c r="C42" s="2" t="s">
        <v>39</v>
      </c>
      <c r="D42" s="19">
        <v>72</v>
      </c>
      <c r="E42" s="20">
        <v>40</v>
      </c>
      <c r="F42" s="21">
        <v>27</v>
      </c>
      <c r="G42" s="22">
        <v>5</v>
      </c>
    </row>
    <row r="43" spans="2:7" x14ac:dyDescent="0.2">
      <c r="B43" s="29"/>
      <c r="C43" s="7"/>
      <c r="D43" s="23">
        <v>100</v>
      </c>
      <c r="E43" s="24">
        <v>55.6</v>
      </c>
      <c r="F43" s="25">
        <v>37.5</v>
      </c>
      <c r="G43" s="26">
        <v>6.9</v>
      </c>
    </row>
    <row r="44" spans="2:7" x14ac:dyDescent="0.2">
      <c r="B44" s="29"/>
      <c r="C44" s="2" t="s">
        <v>38</v>
      </c>
      <c r="D44" s="19">
        <v>127</v>
      </c>
      <c r="E44" s="20">
        <v>51</v>
      </c>
      <c r="F44" s="21">
        <v>61</v>
      </c>
      <c r="G44" s="22">
        <v>15</v>
      </c>
    </row>
    <row r="45" spans="2:7" x14ac:dyDescent="0.2">
      <c r="B45" s="29"/>
      <c r="C45" s="7"/>
      <c r="D45" s="23">
        <v>100</v>
      </c>
      <c r="E45" s="24">
        <v>40.200000000000003</v>
      </c>
      <c r="F45" s="25">
        <v>48</v>
      </c>
      <c r="G45" s="26">
        <v>11.8</v>
      </c>
    </row>
    <row r="46" spans="2:7" x14ac:dyDescent="0.2">
      <c r="B46" s="29"/>
      <c r="C46" s="2" t="s">
        <v>13</v>
      </c>
      <c r="D46" s="19">
        <v>61</v>
      </c>
      <c r="E46" s="20">
        <v>25</v>
      </c>
      <c r="F46" s="21">
        <v>22</v>
      </c>
      <c r="G46" s="22">
        <v>14</v>
      </c>
    </row>
    <row r="47" spans="2:7" x14ac:dyDescent="0.2">
      <c r="B47" s="30"/>
      <c r="C47" s="10"/>
      <c r="D47" s="15">
        <v>100</v>
      </c>
      <c r="E47" s="16">
        <v>41</v>
      </c>
      <c r="F47" s="17">
        <v>36.1</v>
      </c>
      <c r="G47" s="18">
        <v>23</v>
      </c>
    </row>
  </sheetData>
  <mergeCells count="3">
    <mergeCell ref="B4:B11"/>
    <mergeCell ref="B12:B35"/>
    <mergeCell ref="B36:B47"/>
  </mergeCells>
  <phoneticPr fontId="2"/>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82</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931</v>
      </c>
      <c r="F4" s="13">
        <v>270</v>
      </c>
      <c r="G4" s="14">
        <v>40</v>
      </c>
    </row>
    <row r="5" spans="2:7" x14ac:dyDescent="0.2">
      <c r="B5" s="29"/>
      <c r="C5" s="8"/>
      <c r="D5" s="15">
        <v>100</v>
      </c>
      <c r="E5" s="16">
        <v>75</v>
      </c>
      <c r="F5" s="17">
        <v>21.8</v>
      </c>
      <c r="G5" s="18">
        <v>3.2</v>
      </c>
    </row>
    <row r="6" spans="2:7" x14ac:dyDescent="0.2">
      <c r="B6" s="29"/>
      <c r="C6" s="2" t="s">
        <v>30</v>
      </c>
      <c r="D6" s="19">
        <v>499</v>
      </c>
      <c r="E6" s="20">
        <v>383</v>
      </c>
      <c r="F6" s="21">
        <v>104</v>
      </c>
      <c r="G6" s="22">
        <v>12</v>
      </c>
    </row>
    <row r="7" spans="2:7" x14ac:dyDescent="0.2">
      <c r="B7" s="29"/>
      <c r="C7" s="7"/>
      <c r="D7" s="23">
        <v>100</v>
      </c>
      <c r="E7" s="24">
        <v>76.8</v>
      </c>
      <c r="F7" s="25">
        <v>20.8</v>
      </c>
      <c r="G7" s="26">
        <v>2.4</v>
      </c>
    </row>
    <row r="8" spans="2:7" x14ac:dyDescent="0.2">
      <c r="B8" s="29"/>
      <c r="C8" s="2" t="s">
        <v>29</v>
      </c>
      <c r="D8" s="19">
        <v>150</v>
      </c>
      <c r="E8" s="20">
        <v>116</v>
      </c>
      <c r="F8" s="21">
        <v>31</v>
      </c>
      <c r="G8" s="22">
        <v>3</v>
      </c>
    </row>
    <row r="9" spans="2:7" x14ac:dyDescent="0.2">
      <c r="B9" s="29"/>
      <c r="C9" s="7"/>
      <c r="D9" s="23">
        <v>100</v>
      </c>
      <c r="E9" s="24">
        <v>77.3</v>
      </c>
      <c r="F9" s="25">
        <v>20.7</v>
      </c>
      <c r="G9" s="26">
        <v>2</v>
      </c>
    </row>
    <row r="10" spans="2:7" x14ac:dyDescent="0.2">
      <c r="B10" s="29"/>
      <c r="C10" s="2" t="s">
        <v>28</v>
      </c>
      <c r="D10" s="19">
        <v>82</v>
      </c>
      <c r="E10" s="20">
        <v>58</v>
      </c>
      <c r="F10" s="21">
        <v>20</v>
      </c>
      <c r="G10" s="22">
        <v>4</v>
      </c>
    </row>
    <row r="11" spans="2:7" x14ac:dyDescent="0.2">
      <c r="B11" s="29"/>
      <c r="C11" s="7"/>
      <c r="D11" s="23">
        <v>100</v>
      </c>
      <c r="E11" s="24">
        <v>70.7</v>
      </c>
      <c r="F11" s="25">
        <v>24.4</v>
      </c>
      <c r="G11" s="26">
        <v>4.9000000000000004</v>
      </c>
    </row>
    <row r="12" spans="2:7" x14ac:dyDescent="0.2">
      <c r="B12" s="29"/>
      <c r="C12" s="2" t="s">
        <v>27</v>
      </c>
      <c r="D12" s="19">
        <v>92</v>
      </c>
      <c r="E12" s="20">
        <v>66</v>
      </c>
      <c r="F12" s="21">
        <v>21</v>
      </c>
      <c r="G12" s="22">
        <v>5</v>
      </c>
    </row>
    <row r="13" spans="2:7" x14ac:dyDescent="0.2">
      <c r="B13" s="29"/>
      <c r="C13" s="7"/>
      <c r="D13" s="23">
        <v>100</v>
      </c>
      <c r="E13" s="24">
        <v>71.7</v>
      </c>
      <c r="F13" s="25">
        <v>22.8</v>
      </c>
      <c r="G13" s="26">
        <v>5.4</v>
      </c>
    </row>
    <row r="14" spans="2:7" x14ac:dyDescent="0.2">
      <c r="B14" s="29"/>
      <c r="C14" s="2" t="s">
        <v>26</v>
      </c>
      <c r="D14" s="19">
        <v>112</v>
      </c>
      <c r="E14" s="20">
        <v>83</v>
      </c>
      <c r="F14" s="21">
        <v>27</v>
      </c>
      <c r="G14" s="22">
        <v>2</v>
      </c>
    </row>
    <row r="15" spans="2:7" x14ac:dyDescent="0.2">
      <c r="B15" s="29"/>
      <c r="C15" s="7"/>
      <c r="D15" s="23">
        <v>100</v>
      </c>
      <c r="E15" s="24">
        <v>74.099999999999994</v>
      </c>
      <c r="F15" s="25">
        <v>24.1</v>
      </c>
      <c r="G15" s="26">
        <v>1.8</v>
      </c>
    </row>
    <row r="16" spans="2:7" x14ac:dyDescent="0.2">
      <c r="B16" s="29"/>
      <c r="C16" s="2" t="s">
        <v>25</v>
      </c>
      <c r="D16" s="19">
        <v>188</v>
      </c>
      <c r="E16" s="20">
        <v>138</v>
      </c>
      <c r="F16" s="21">
        <v>44</v>
      </c>
      <c r="G16" s="22">
        <v>6</v>
      </c>
    </row>
    <row r="17" spans="2:7" x14ac:dyDescent="0.2">
      <c r="B17" s="29"/>
      <c r="C17" s="7"/>
      <c r="D17" s="23">
        <v>100</v>
      </c>
      <c r="E17" s="24">
        <v>73.400000000000006</v>
      </c>
      <c r="F17" s="25">
        <v>23.4</v>
      </c>
      <c r="G17" s="26">
        <v>3.2</v>
      </c>
    </row>
    <row r="18" spans="2:7" x14ac:dyDescent="0.2">
      <c r="B18" s="29"/>
      <c r="C18" s="2" t="s">
        <v>24</v>
      </c>
      <c r="D18" s="19">
        <v>60</v>
      </c>
      <c r="E18" s="20">
        <v>47</v>
      </c>
      <c r="F18" s="21">
        <v>12</v>
      </c>
      <c r="G18" s="22">
        <v>1</v>
      </c>
    </row>
    <row r="19" spans="2:7" x14ac:dyDescent="0.2">
      <c r="B19" s="29"/>
      <c r="C19" s="7"/>
      <c r="D19" s="23">
        <v>100</v>
      </c>
      <c r="E19" s="24">
        <v>78.3</v>
      </c>
      <c r="F19" s="25">
        <v>20</v>
      </c>
      <c r="G19" s="26">
        <v>1.7</v>
      </c>
    </row>
    <row r="20" spans="2:7" x14ac:dyDescent="0.2">
      <c r="B20" s="29"/>
      <c r="C20" s="2" t="s">
        <v>13</v>
      </c>
      <c r="D20" s="19">
        <v>58</v>
      </c>
      <c r="E20" s="20">
        <v>40</v>
      </c>
      <c r="F20" s="21">
        <v>11</v>
      </c>
      <c r="G20" s="22">
        <v>7</v>
      </c>
    </row>
    <row r="21" spans="2:7" x14ac:dyDescent="0.2">
      <c r="B21" s="30"/>
      <c r="C21" s="10"/>
      <c r="D21" s="15">
        <v>100</v>
      </c>
      <c r="E21" s="16">
        <v>69</v>
      </c>
      <c r="F21" s="17">
        <v>19</v>
      </c>
      <c r="G21" s="18">
        <v>12.1</v>
      </c>
    </row>
    <row r="22" spans="2:7" x14ac:dyDescent="0.2">
      <c r="B22" s="28" t="s">
        <v>35</v>
      </c>
      <c r="C22" s="9" t="s">
        <v>12</v>
      </c>
      <c r="D22" s="11">
        <v>1241</v>
      </c>
      <c r="E22" s="12">
        <v>931</v>
      </c>
      <c r="F22" s="13">
        <v>270</v>
      </c>
      <c r="G22" s="14">
        <v>40</v>
      </c>
    </row>
    <row r="23" spans="2:7" x14ac:dyDescent="0.2">
      <c r="B23" s="29"/>
      <c r="C23" s="8"/>
      <c r="D23" s="15">
        <v>100</v>
      </c>
      <c r="E23" s="16">
        <v>75</v>
      </c>
      <c r="F23" s="17">
        <v>21.8</v>
      </c>
      <c r="G23" s="18">
        <v>3.2</v>
      </c>
    </row>
    <row r="24" spans="2:7" x14ac:dyDescent="0.2">
      <c r="B24" s="29"/>
      <c r="C24" s="2" t="s">
        <v>23</v>
      </c>
      <c r="D24" s="19">
        <v>563</v>
      </c>
      <c r="E24" s="20">
        <v>412</v>
      </c>
      <c r="F24" s="21">
        <v>140</v>
      </c>
      <c r="G24" s="22">
        <v>11</v>
      </c>
    </row>
    <row r="25" spans="2:7" x14ac:dyDescent="0.2">
      <c r="B25" s="29"/>
      <c r="C25" s="7"/>
      <c r="D25" s="23">
        <v>100</v>
      </c>
      <c r="E25" s="24">
        <v>73.2</v>
      </c>
      <c r="F25" s="25">
        <v>24.9</v>
      </c>
      <c r="G25" s="26">
        <v>2</v>
      </c>
    </row>
    <row r="26" spans="2:7" x14ac:dyDescent="0.2">
      <c r="B26" s="29"/>
      <c r="C26" s="2" t="s">
        <v>22</v>
      </c>
      <c r="D26" s="19">
        <v>607</v>
      </c>
      <c r="E26" s="20">
        <v>467</v>
      </c>
      <c r="F26" s="21">
        <v>118</v>
      </c>
      <c r="G26" s="22">
        <v>22</v>
      </c>
    </row>
    <row r="27" spans="2:7" x14ac:dyDescent="0.2">
      <c r="B27" s="29"/>
      <c r="C27" s="7"/>
      <c r="D27" s="23">
        <v>100</v>
      </c>
      <c r="E27" s="24">
        <v>76.900000000000006</v>
      </c>
      <c r="F27" s="25">
        <v>19.399999999999999</v>
      </c>
      <c r="G27" s="26">
        <v>3.6</v>
      </c>
    </row>
    <row r="28" spans="2:7" x14ac:dyDescent="0.2">
      <c r="B28" s="29"/>
      <c r="C28" s="2" t="s">
        <v>13</v>
      </c>
      <c r="D28" s="19">
        <v>71</v>
      </c>
      <c r="E28" s="20">
        <v>52</v>
      </c>
      <c r="F28" s="21">
        <v>12</v>
      </c>
      <c r="G28" s="22">
        <v>7</v>
      </c>
    </row>
    <row r="29" spans="2:7" x14ac:dyDescent="0.2">
      <c r="B29" s="30"/>
      <c r="C29" s="10"/>
      <c r="D29" s="15">
        <v>100</v>
      </c>
      <c r="E29" s="16">
        <v>73.2</v>
      </c>
      <c r="F29" s="17">
        <v>16.899999999999999</v>
      </c>
      <c r="G29" s="18">
        <v>9.9</v>
      </c>
    </row>
    <row r="30" spans="2:7" x14ac:dyDescent="0.2">
      <c r="B30" s="28" t="s">
        <v>34</v>
      </c>
      <c r="C30" s="9" t="s">
        <v>12</v>
      </c>
      <c r="D30" s="11">
        <v>1241</v>
      </c>
      <c r="E30" s="12">
        <v>931</v>
      </c>
      <c r="F30" s="13">
        <v>270</v>
      </c>
      <c r="G30" s="14">
        <v>40</v>
      </c>
    </row>
    <row r="31" spans="2:7" x14ac:dyDescent="0.2">
      <c r="B31" s="29"/>
      <c r="C31" s="8"/>
      <c r="D31" s="15">
        <v>100</v>
      </c>
      <c r="E31" s="16">
        <v>75</v>
      </c>
      <c r="F31" s="17">
        <v>21.8</v>
      </c>
      <c r="G31" s="18">
        <v>3.2</v>
      </c>
    </row>
    <row r="32" spans="2:7" x14ac:dyDescent="0.2">
      <c r="B32" s="29"/>
      <c r="C32" s="2" t="s">
        <v>138</v>
      </c>
      <c r="D32" s="19">
        <v>3</v>
      </c>
      <c r="E32" s="20" t="s">
        <v>152</v>
      </c>
      <c r="F32" s="21">
        <v>3</v>
      </c>
      <c r="G32" s="22" t="s">
        <v>152</v>
      </c>
    </row>
    <row r="33" spans="2:7" x14ac:dyDescent="0.2">
      <c r="B33" s="29"/>
      <c r="C33" s="7"/>
      <c r="D33" s="23">
        <v>100</v>
      </c>
      <c r="E33" s="24" t="s">
        <v>152</v>
      </c>
      <c r="F33" s="25">
        <v>100</v>
      </c>
      <c r="G33" s="26" t="s">
        <v>152</v>
      </c>
    </row>
    <row r="34" spans="2:7" x14ac:dyDescent="0.2">
      <c r="B34" s="29"/>
      <c r="C34" s="2" t="s">
        <v>139</v>
      </c>
      <c r="D34" s="19">
        <v>51</v>
      </c>
      <c r="E34" s="20">
        <v>32</v>
      </c>
      <c r="F34" s="21">
        <v>19</v>
      </c>
      <c r="G34" s="22" t="s">
        <v>152</v>
      </c>
    </row>
    <row r="35" spans="2:7" x14ac:dyDescent="0.2">
      <c r="B35" s="29"/>
      <c r="C35" s="7"/>
      <c r="D35" s="23">
        <v>100</v>
      </c>
      <c r="E35" s="24">
        <v>62.7</v>
      </c>
      <c r="F35" s="25">
        <v>37.299999999999997</v>
      </c>
      <c r="G35" s="26" t="s">
        <v>152</v>
      </c>
    </row>
    <row r="36" spans="2:7" x14ac:dyDescent="0.2">
      <c r="B36" s="29"/>
      <c r="C36" s="2" t="s">
        <v>147</v>
      </c>
      <c r="D36" s="19">
        <v>54</v>
      </c>
      <c r="E36" s="20">
        <v>32</v>
      </c>
      <c r="F36" s="21">
        <v>22</v>
      </c>
      <c r="G36" s="22" t="s">
        <v>152</v>
      </c>
    </row>
    <row r="37" spans="2:7" x14ac:dyDescent="0.2">
      <c r="B37" s="29"/>
      <c r="C37" s="7"/>
      <c r="D37" s="23">
        <v>100</v>
      </c>
      <c r="E37" s="24">
        <v>59.259259259259252</v>
      </c>
      <c r="F37" s="25">
        <v>40.74074074074074</v>
      </c>
      <c r="G37" s="26" t="s">
        <v>152</v>
      </c>
    </row>
    <row r="38" spans="2:7" x14ac:dyDescent="0.2">
      <c r="B38" s="29"/>
      <c r="C38" s="2" t="s">
        <v>140</v>
      </c>
      <c r="D38" s="19">
        <v>116</v>
      </c>
      <c r="E38" s="20">
        <v>78</v>
      </c>
      <c r="F38" s="21">
        <v>32</v>
      </c>
      <c r="G38" s="22">
        <v>6</v>
      </c>
    </row>
    <row r="39" spans="2:7" x14ac:dyDescent="0.2">
      <c r="B39" s="29"/>
      <c r="C39" s="7"/>
      <c r="D39" s="23">
        <v>100</v>
      </c>
      <c r="E39" s="24">
        <v>67.2</v>
      </c>
      <c r="F39" s="25">
        <v>27.6</v>
      </c>
      <c r="G39" s="26">
        <v>5.2</v>
      </c>
    </row>
    <row r="40" spans="2:7" x14ac:dyDescent="0.2">
      <c r="B40" s="29"/>
      <c r="C40" s="2" t="s">
        <v>141</v>
      </c>
      <c r="D40" s="19">
        <v>200</v>
      </c>
      <c r="E40" s="20">
        <v>155</v>
      </c>
      <c r="F40" s="21">
        <v>42</v>
      </c>
      <c r="G40" s="22">
        <v>3</v>
      </c>
    </row>
    <row r="41" spans="2:7" x14ac:dyDescent="0.2">
      <c r="B41" s="29"/>
      <c r="C41" s="7"/>
      <c r="D41" s="23">
        <v>100</v>
      </c>
      <c r="E41" s="24">
        <v>77.5</v>
      </c>
      <c r="F41" s="25">
        <v>21</v>
      </c>
      <c r="G41" s="26">
        <v>1.5</v>
      </c>
    </row>
    <row r="42" spans="2:7" x14ac:dyDescent="0.2">
      <c r="B42" s="29"/>
      <c r="C42" s="2" t="s">
        <v>142</v>
      </c>
      <c r="D42" s="19">
        <v>289</v>
      </c>
      <c r="E42" s="20">
        <v>207</v>
      </c>
      <c r="F42" s="21">
        <v>76</v>
      </c>
      <c r="G42" s="22">
        <v>6</v>
      </c>
    </row>
    <row r="43" spans="2:7" x14ac:dyDescent="0.2">
      <c r="B43" s="29"/>
      <c r="C43" s="7"/>
      <c r="D43" s="23">
        <v>100</v>
      </c>
      <c r="E43" s="24">
        <v>71.599999999999994</v>
      </c>
      <c r="F43" s="25">
        <v>26.3</v>
      </c>
      <c r="G43" s="26">
        <v>2.1</v>
      </c>
    </row>
    <row r="44" spans="2:7" x14ac:dyDescent="0.2">
      <c r="B44" s="29"/>
      <c r="C44" s="2" t="s">
        <v>143</v>
      </c>
      <c r="D44" s="19">
        <v>247</v>
      </c>
      <c r="E44" s="20">
        <v>190</v>
      </c>
      <c r="F44" s="21">
        <v>52</v>
      </c>
      <c r="G44" s="22">
        <v>5</v>
      </c>
    </row>
    <row r="45" spans="2:7" x14ac:dyDescent="0.2">
      <c r="B45" s="29"/>
      <c r="C45" s="7"/>
      <c r="D45" s="23">
        <v>100</v>
      </c>
      <c r="E45" s="24">
        <v>76.900000000000006</v>
      </c>
      <c r="F45" s="25">
        <v>21.1</v>
      </c>
      <c r="G45" s="26">
        <v>2</v>
      </c>
    </row>
    <row r="46" spans="2:7" x14ac:dyDescent="0.2">
      <c r="B46" s="29"/>
      <c r="C46" s="2" t="s">
        <v>144</v>
      </c>
      <c r="D46" s="19">
        <v>125</v>
      </c>
      <c r="E46" s="20">
        <v>102</v>
      </c>
      <c r="F46" s="21">
        <v>18</v>
      </c>
      <c r="G46" s="22">
        <v>5</v>
      </c>
    </row>
    <row r="47" spans="2:7" x14ac:dyDescent="0.2">
      <c r="B47" s="29"/>
      <c r="C47" s="7"/>
      <c r="D47" s="23">
        <v>100</v>
      </c>
      <c r="E47" s="24">
        <v>81.599999999999994</v>
      </c>
      <c r="F47" s="25">
        <v>14.4</v>
      </c>
      <c r="G47" s="26">
        <v>4</v>
      </c>
    </row>
    <row r="48" spans="2:7" x14ac:dyDescent="0.2">
      <c r="B48" s="29"/>
      <c r="C48" s="2" t="s">
        <v>145</v>
      </c>
      <c r="D48" s="19">
        <v>150</v>
      </c>
      <c r="E48" s="20">
        <v>125</v>
      </c>
      <c r="F48" s="21">
        <v>17</v>
      </c>
      <c r="G48" s="22">
        <v>8</v>
      </c>
    </row>
    <row r="49" spans="2:7" x14ac:dyDescent="0.2">
      <c r="B49" s="29"/>
      <c r="C49" s="7"/>
      <c r="D49" s="23">
        <v>100</v>
      </c>
      <c r="E49" s="24">
        <v>83.3</v>
      </c>
      <c r="F49" s="25">
        <v>11.3</v>
      </c>
      <c r="G49" s="26">
        <v>5.3</v>
      </c>
    </row>
    <row r="50" spans="2:7" x14ac:dyDescent="0.2">
      <c r="B50" s="29"/>
      <c r="C50" s="2" t="s">
        <v>146</v>
      </c>
      <c r="D50" s="19">
        <v>60</v>
      </c>
      <c r="E50" s="20">
        <v>42</v>
      </c>
      <c r="F50" s="21">
        <v>11</v>
      </c>
      <c r="G50" s="22">
        <v>7</v>
      </c>
    </row>
    <row r="51" spans="2:7" x14ac:dyDescent="0.2">
      <c r="B51" s="29"/>
      <c r="C51" s="10"/>
      <c r="D51" s="23">
        <v>100</v>
      </c>
      <c r="E51" s="24">
        <v>70</v>
      </c>
      <c r="F51" s="25">
        <v>18.3</v>
      </c>
      <c r="G51" s="26">
        <v>11.7</v>
      </c>
    </row>
    <row r="52" spans="2:7" x14ac:dyDescent="0.2">
      <c r="B52" s="28" t="s">
        <v>33</v>
      </c>
      <c r="C52" s="9" t="s">
        <v>12</v>
      </c>
      <c r="D52" s="11">
        <v>1241</v>
      </c>
      <c r="E52" s="12">
        <v>931</v>
      </c>
      <c r="F52" s="13">
        <v>270</v>
      </c>
      <c r="G52" s="14">
        <v>40</v>
      </c>
    </row>
    <row r="53" spans="2:7" x14ac:dyDescent="0.2">
      <c r="B53" s="29"/>
      <c r="C53" s="8"/>
      <c r="D53" s="15">
        <v>100</v>
      </c>
      <c r="E53" s="16">
        <v>75</v>
      </c>
      <c r="F53" s="17">
        <v>21.8</v>
      </c>
      <c r="G53" s="18">
        <v>3.2</v>
      </c>
    </row>
    <row r="54" spans="2:7" x14ac:dyDescent="0.2">
      <c r="B54" s="29"/>
      <c r="C54" s="2" t="s">
        <v>57</v>
      </c>
      <c r="D54" s="19">
        <v>2</v>
      </c>
      <c r="E54" s="20" t="s">
        <v>152</v>
      </c>
      <c r="F54" s="21">
        <v>2</v>
      </c>
      <c r="G54" s="22" t="s">
        <v>152</v>
      </c>
    </row>
    <row r="55" spans="2:7" x14ac:dyDescent="0.2">
      <c r="B55" s="29"/>
      <c r="C55" s="7"/>
      <c r="D55" s="23">
        <v>100</v>
      </c>
      <c r="E55" s="24" t="s">
        <v>152</v>
      </c>
      <c r="F55" s="25">
        <v>100</v>
      </c>
      <c r="G55" s="26" t="s">
        <v>152</v>
      </c>
    </row>
    <row r="56" spans="2:7" x14ac:dyDescent="0.2">
      <c r="B56" s="29"/>
      <c r="C56" s="2" t="s">
        <v>63</v>
      </c>
      <c r="D56" s="19">
        <v>20</v>
      </c>
      <c r="E56" s="20">
        <v>12</v>
      </c>
      <c r="F56" s="21">
        <v>8</v>
      </c>
      <c r="G56" s="22" t="s">
        <v>152</v>
      </c>
    </row>
    <row r="57" spans="2:7" x14ac:dyDescent="0.2">
      <c r="B57" s="29"/>
      <c r="C57" s="7"/>
      <c r="D57" s="23">
        <v>100</v>
      </c>
      <c r="E57" s="24">
        <v>60</v>
      </c>
      <c r="F57" s="25">
        <v>40</v>
      </c>
      <c r="G57" s="26" t="s">
        <v>152</v>
      </c>
    </row>
    <row r="58" spans="2:7" x14ac:dyDescent="0.2">
      <c r="B58" s="29"/>
      <c r="C58" s="2" t="s">
        <v>148</v>
      </c>
      <c r="D58" s="19">
        <v>22</v>
      </c>
      <c r="E58" s="20">
        <v>12</v>
      </c>
      <c r="F58" s="21">
        <v>10</v>
      </c>
      <c r="G58" s="22" t="s">
        <v>152</v>
      </c>
    </row>
    <row r="59" spans="2:7" x14ac:dyDescent="0.2">
      <c r="B59" s="29"/>
      <c r="C59" s="7"/>
      <c r="D59" s="23">
        <v>100</v>
      </c>
      <c r="E59" s="24">
        <v>54.54545454545454</v>
      </c>
      <c r="F59" s="25">
        <v>45.454545454545453</v>
      </c>
      <c r="G59" s="26" t="s">
        <v>152</v>
      </c>
    </row>
    <row r="60" spans="2:7" x14ac:dyDescent="0.2">
      <c r="B60" s="29"/>
      <c r="C60" s="2" t="s">
        <v>64</v>
      </c>
      <c r="D60" s="19">
        <v>51</v>
      </c>
      <c r="E60" s="20">
        <v>34</v>
      </c>
      <c r="F60" s="21">
        <v>17</v>
      </c>
      <c r="G60" s="22" t="s">
        <v>152</v>
      </c>
    </row>
    <row r="61" spans="2:7" x14ac:dyDescent="0.2">
      <c r="B61" s="29"/>
      <c r="C61" s="7"/>
      <c r="D61" s="23">
        <v>100</v>
      </c>
      <c r="E61" s="24">
        <v>66.7</v>
      </c>
      <c r="F61" s="25">
        <v>33.299999999999997</v>
      </c>
      <c r="G61" s="26" t="s">
        <v>152</v>
      </c>
    </row>
    <row r="62" spans="2:7" x14ac:dyDescent="0.2">
      <c r="B62" s="29"/>
      <c r="C62" s="2" t="s">
        <v>65</v>
      </c>
      <c r="D62" s="19">
        <v>88</v>
      </c>
      <c r="E62" s="20">
        <v>72</v>
      </c>
      <c r="F62" s="21">
        <v>16</v>
      </c>
      <c r="G62" s="22" t="s">
        <v>152</v>
      </c>
    </row>
    <row r="63" spans="2:7" x14ac:dyDescent="0.2">
      <c r="B63" s="29"/>
      <c r="C63" s="7"/>
      <c r="D63" s="23">
        <v>100</v>
      </c>
      <c r="E63" s="24">
        <v>81.8</v>
      </c>
      <c r="F63" s="25">
        <v>18.2</v>
      </c>
      <c r="G63" s="26" t="s">
        <v>152</v>
      </c>
    </row>
    <row r="64" spans="2:7" x14ac:dyDescent="0.2">
      <c r="B64" s="29"/>
      <c r="C64" s="2" t="s">
        <v>66</v>
      </c>
      <c r="D64" s="19">
        <v>146</v>
      </c>
      <c r="E64" s="20">
        <v>97</v>
      </c>
      <c r="F64" s="21">
        <v>46</v>
      </c>
      <c r="G64" s="22">
        <v>3</v>
      </c>
    </row>
    <row r="65" spans="2:7" x14ac:dyDescent="0.2">
      <c r="B65" s="29"/>
      <c r="C65" s="7"/>
      <c r="D65" s="23">
        <v>100</v>
      </c>
      <c r="E65" s="24">
        <v>66.400000000000006</v>
      </c>
      <c r="F65" s="25">
        <v>31.5</v>
      </c>
      <c r="G65" s="26">
        <v>2.1</v>
      </c>
    </row>
    <row r="66" spans="2:7" x14ac:dyDescent="0.2">
      <c r="B66" s="29"/>
      <c r="C66" s="2" t="s">
        <v>67</v>
      </c>
      <c r="D66" s="19">
        <v>133</v>
      </c>
      <c r="E66" s="20">
        <v>96</v>
      </c>
      <c r="F66" s="21">
        <v>34</v>
      </c>
      <c r="G66" s="22">
        <v>3</v>
      </c>
    </row>
    <row r="67" spans="2:7" x14ac:dyDescent="0.2">
      <c r="B67" s="29"/>
      <c r="C67" s="7"/>
      <c r="D67" s="23">
        <v>100</v>
      </c>
      <c r="E67" s="24">
        <v>72.2</v>
      </c>
      <c r="F67" s="25">
        <v>25.6</v>
      </c>
      <c r="G67" s="26">
        <v>2.2999999999999998</v>
      </c>
    </row>
    <row r="68" spans="2:7" x14ac:dyDescent="0.2">
      <c r="B68" s="29"/>
      <c r="C68" s="2" t="s">
        <v>58</v>
      </c>
      <c r="D68" s="19">
        <v>57</v>
      </c>
      <c r="E68" s="20">
        <v>47</v>
      </c>
      <c r="F68" s="21">
        <v>8</v>
      </c>
      <c r="G68" s="22">
        <v>2</v>
      </c>
    </row>
    <row r="69" spans="2:7" x14ac:dyDescent="0.2">
      <c r="B69" s="29"/>
      <c r="C69" s="7"/>
      <c r="D69" s="23">
        <v>100</v>
      </c>
      <c r="E69" s="24">
        <v>82.5</v>
      </c>
      <c r="F69" s="25">
        <v>14</v>
      </c>
      <c r="G69" s="26">
        <v>3.5</v>
      </c>
    </row>
    <row r="70" spans="2:7" x14ac:dyDescent="0.2">
      <c r="B70" s="29"/>
      <c r="C70" s="2" t="s">
        <v>68</v>
      </c>
      <c r="D70" s="19">
        <v>65</v>
      </c>
      <c r="E70" s="20">
        <v>53</v>
      </c>
      <c r="F70" s="21">
        <v>9</v>
      </c>
      <c r="G70" s="22">
        <v>3</v>
      </c>
    </row>
    <row r="71" spans="2:7" x14ac:dyDescent="0.2">
      <c r="B71" s="29"/>
      <c r="C71" s="7"/>
      <c r="D71" s="23">
        <v>100</v>
      </c>
      <c r="E71" s="24">
        <v>81.5</v>
      </c>
      <c r="F71" s="25">
        <v>13.8</v>
      </c>
      <c r="G71" s="26">
        <v>4.5999999999999996</v>
      </c>
    </row>
    <row r="72" spans="2:7" x14ac:dyDescent="0.2">
      <c r="B72" s="29"/>
      <c r="C72" s="2" t="s">
        <v>59</v>
      </c>
      <c r="D72" s="19">
        <v>1</v>
      </c>
      <c r="E72" s="20" t="s">
        <v>152</v>
      </c>
      <c r="F72" s="21">
        <v>1</v>
      </c>
      <c r="G72" s="22" t="s">
        <v>152</v>
      </c>
    </row>
    <row r="73" spans="2:7" x14ac:dyDescent="0.2">
      <c r="B73" s="29"/>
      <c r="C73" s="7"/>
      <c r="D73" s="23">
        <v>100</v>
      </c>
      <c r="E73" s="24" t="s">
        <v>152</v>
      </c>
      <c r="F73" s="25">
        <v>100</v>
      </c>
      <c r="G73" s="26" t="s">
        <v>152</v>
      </c>
    </row>
    <row r="74" spans="2:7" x14ac:dyDescent="0.2">
      <c r="B74" s="29"/>
      <c r="C74" s="2" t="s">
        <v>69</v>
      </c>
      <c r="D74" s="19">
        <v>29</v>
      </c>
      <c r="E74" s="20">
        <v>18</v>
      </c>
      <c r="F74" s="21">
        <v>11</v>
      </c>
      <c r="G74" s="22" t="s">
        <v>152</v>
      </c>
    </row>
    <row r="75" spans="2:7" x14ac:dyDescent="0.2">
      <c r="B75" s="29"/>
      <c r="C75" s="7"/>
      <c r="D75" s="23">
        <v>100</v>
      </c>
      <c r="E75" s="24">
        <v>62.1</v>
      </c>
      <c r="F75" s="25">
        <v>37.9</v>
      </c>
      <c r="G75" s="26" t="s">
        <v>152</v>
      </c>
    </row>
    <row r="76" spans="2:7" x14ac:dyDescent="0.2">
      <c r="B76" s="29"/>
      <c r="C76" s="2" t="s">
        <v>149</v>
      </c>
      <c r="D76" s="19">
        <v>30</v>
      </c>
      <c r="E76" s="20">
        <v>18</v>
      </c>
      <c r="F76" s="21">
        <v>12</v>
      </c>
      <c r="G76" s="22" t="s">
        <v>152</v>
      </c>
    </row>
    <row r="77" spans="2:7" x14ac:dyDescent="0.2">
      <c r="B77" s="29"/>
      <c r="C77" s="7"/>
      <c r="D77" s="23">
        <v>100</v>
      </c>
      <c r="E77" s="24">
        <v>60</v>
      </c>
      <c r="F77" s="25">
        <v>40</v>
      </c>
      <c r="G77" s="26" t="s">
        <v>152</v>
      </c>
    </row>
    <row r="78" spans="2:7" x14ac:dyDescent="0.2">
      <c r="B78" s="29"/>
      <c r="C78" s="2" t="s">
        <v>70</v>
      </c>
      <c r="D78" s="19">
        <v>64</v>
      </c>
      <c r="E78" s="20">
        <v>43</v>
      </c>
      <c r="F78" s="21">
        <v>15</v>
      </c>
      <c r="G78" s="22">
        <v>6</v>
      </c>
    </row>
    <row r="79" spans="2:7" x14ac:dyDescent="0.2">
      <c r="B79" s="29"/>
      <c r="C79" s="7"/>
      <c r="D79" s="23">
        <v>100</v>
      </c>
      <c r="E79" s="24">
        <v>67.2</v>
      </c>
      <c r="F79" s="25">
        <v>23.4</v>
      </c>
      <c r="G79" s="26">
        <v>9.4</v>
      </c>
    </row>
    <row r="80" spans="2:7" x14ac:dyDescent="0.2">
      <c r="B80" s="29"/>
      <c r="C80" s="2" t="s">
        <v>71</v>
      </c>
      <c r="D80" s="19">
        <v>112</v>
      </c>
      <c r="E80" s="20">
        <v>83</v>
      </c>
      <c r="F80" s="21">
        <v>26</v>
      </c>
      <c r="G80" s="22">
        <v>3</v>
      </c>
    </row>
    <row r="81" spans="2:7" x14ac:dyDescent="0.2">
      <c r="B81" s="29"/>
      <c r="C81" s="7"/>
      <c r="D81" s="23">
        <v>100</v>
      </c>
      <c r="E81" s="24">
        <v>74.099999999999994</v>
      </c>
      <c r="F81" s="25">
        <v>23.2</v>
      </c>
      <c r="G81" s="26">
        <v>2.7</v>
      </c>
    </row>
    <row r="82" spans="2:7" x14ac:dyDescent="0.2">
      <c r="B82" s="29"/>
      <c r="C82" s="2" t="s">
        <v>72</v>
      </c>
      <c r="D82" s="19">
        <v>137</v>
      </c>
      <c r="E82" s="20">
        <v>105</v>
      </c>
      <c r="F82" s="21">
        <v>29</v>
      </c>
      <c r="G82" s="22">
        <v>3</v>
      </c>
    </row>
    <row r="83" spans="2:7" x14ac:dyDescent="0.2">
      <c r="B83" s="29"/>
      <c r="C83" s="7"/>
      <c r="D83" s="23">
        <v>100</v>
      </c>
      <c r="E83" s="24">
        <v>76.599999999999994</v>
      </c>
      <c r="F83" s="25">
        <v>21.2</v>
      </c>
      <c r="G83" s="26">
        <v>2.2000000000000002</v>
      </c>
    </row>
    <row r="84" spans="2:7" x14ac:dyDescent="0.2">
      <c r="B84" s="29"/>
      <c r="C84" s="2" t="s">
        <v>73</v>
      </c>
      <c r="D84" s="19">
        <v>112</v>
      </c>
      <c r="E84" s="20">
        <v>92</v>
      </c>
      <c r="F84" s="21">
        <v>18</v>
      </c>
      <c r="G84" s="22">
        <v>2</v>
      </c>
    </row>
    <row r="85" spans="2:7" x14ac:dyDescent="0.2">
      <c r="B85" s="29"/>
      <c r="C85" s="7"/>
      <c r="D85" s="23">
        <v>100</v>
      </c>
      <c r="E85" s="24">
        <v>82.1</v>
      </c>
      <c r="F85" s="25">
        <v>16.100000000000001</v>
      </c>
      <c r="G85" s="26">
        <v>1.8</v>
      </c>
    </row>
    <row r="86" spans="2:7" x14ac:dyDescent="0.2">
      <c r="B86" s="29"/>
      <c r="C86" s="2" t="s">
        <v>60</v>
      </c>
      <c r="D86" s="19">
        <v>66</v>
      </c>
      <c r="E86" s="20">
        <v>53</v>
      </c>
      <c r="F86" s="21">
        <v>10</v>
      </c>
      <c r="G86" s="22">
        <v>3</v>
      </c>
    </row>
    <row r="87" spans="2:7" x14ac:dyDescent="0.2">
      <c r="B87" s="29"/>
      <c r="C87" s="7"/>
      <c r="D87" s="23">
        <v>100</v>
      </c>
      <c r="E87" s="24">
        <v>80.3</v>
      </c>
      <c r="F87" s="25">
        <v>15.2</v>
      </c>
      <c r="G87" s="26">
        <v>4.5</v>
      </c>
    </row>
    <row r="88" spans="2:7" x14ac:dyDescent="0.2">
      <c r="B88" s="29"/>
      <c r="C88" s="2" t="s">
        <v>74</v>
      </c>
      <c r="D88" s="19">
        <v>83</v>
      </c>
      <c r="E88" s="20">
        <v>70</v>
      </c>
      <c r="F88" s="21">
        <v>8</v>
      </c>
      <c r="G88" s="22">
        <v>5</v>
      </c>
    </row>
    <row r="89" spans="2:7" x14ac:dyDescent="0.2">
      <c r="B89" s="29"/>
      <c r="C89" s="7"/>
      <c r="D89" s="23">
        <v>100</v>
      </c>
      <c r="E89" s="24">
        <v>84.3</v>
      </c>
      <c r="F89" s="25">
        <v>9.6</v>
      </c>
      <c r="G89" s="26">
        <v>6</v>
      </c>
    </row>
    <row r="90" spans="2:7" x14ac:dyDescent="0.2">
      <c r="B90" s="29"/>
      <c r="C90" s="2" t="s">
        <v>0</v>
      </c>
      <c r="D90" s="19">
        <v>75</v>
      </c>
      <c r="E90" s="20">
        <v>56</v>
      </c>
      <c r="F90" s="21">
        <v>12</v>
      </c>
      <c r="G90" s="22">
        <v>7</v>
      </c>
    </row>
    <row r="91" spans="2:7" x14ac:dyDescent="0.2">
      <c r="B91" s="29"/>
      <c r="C91" s="7"/>
      <c r="D91" s="23">
        <v>100</v>
      </c>
      <c r="E91" s="24">
        <v>74.7</v>
      </c>
      <c r="F91" s="25">
        <v>16</v>
      </c>
      <c r="G91" s="26">
        <v>9.3000000000000007</v>
      </c>
    </row>
    <row r="92" spans="2:7" x14ac:dyDescent="0.2">
      <c r="B92" s="28" t="s">
        <v>32</v>
      </c>
      <c r="C92" s="9" t="s">
        <v>12</v>
      </c>
      <c r="D92" s="11">
        <v>1241</v>
      </c>
      <c r="E92" s="12">
        <v>931</v>
      </c>
      <c r="F92" s="13">
        <v>270</v>
      </c>
      <c r="G92" s="14">
        <v>40</v>
      </c>
    </row>
    <row r="93" spans="2:7" x14ac:dyDescent="0.2">
      <c r="B93" s="29"/>
      <c r="C93" s="8"/>
      <c r="D93" s="15">
        <v>100</v>
      </c>
      <c r="E93" s="16">
        <v>75</v>
      </c>
      <c r="F93" s="17">
        <v>21.8</v>
      </c>
      <c r="G93" s="18">
        <v>3.2</v>
      </c>
    </row>
    <row r="94" spans="2:7" x14ac:dyDescent="0.2">
      <c r="B94" s="29"/>
      <c r="C94" s="2" t="s">
        <v>21</v>
      </c>
      <c r="D94" s="19">
        <v>65</v>
      </c>
      <c r="E94" s="20">
        <v>39</v>
      </c>
      <c r="F94" s="21">
        <v>23</v>
      </c>
      <c r="G94" s="22">
        <v>3</v>
      </c>
    </row>
    <row r="95" spans="2:7" x14ac:dyDescent="0.2">
      <c r="B95" s="29"/>
      <c r="C95" s="7"/>
      <c r="D95" s="23">
        <v>100</v>
      </c>
      <c r="E95" s="24">
        <v>60</v>
      </c>
      <c r="F95" s="25">
        <v>35.4</v>
      </c>
      <c r="G95" s="26">
        <v>4.5999999999999996</v>
      </c>
    </row>
    <row r="96" spans="2:7" x14ac:dyDescent="0.2">
      <c r="B96" s="29"/>
      <c r="C96" s="2" t="s">
        <v>20</v>
      </c>
      <c r="D96" s="19">
        <v>7</v>
      </c>
      <c r="E96" s="20">
        <v>6</v>
      </c>
      <c r="F96" s="21">
        <v>1</v>
      </c>
      <c r="G96" s="22" t="s">
        <v>152</v>
      </c>
    </row>
    <row r="97" spans="2:7" x14ac:dyDescent="0.2">
      <c r="B97" s="29"/>
      <c r="C97" s="7"/>
      <c r="D97" s="23">
        <v>100</v>
      </c>
      <c r="E97" s="24">
        <v>85.7</v>
      </c>
      <c r="F97" s="25">
        <v>14.3</v>
      </c>
      <c r="G97" s="26" t="s">
        <v>152</v>
      </c>
    </row>
    <row r="98" spans="2:7" x14ac:dyDescent="0.2">
      <c r="B98" s="29"/>
      <c r="C98" s="2" t="s">
        <v>19</v>
      </c>
      <c r="D98" s="19">
        <v>484</v>
      </c>
      <c r="E98" s="20">
        <v>354</v>
      </c>
      <c r="F98" s="21">
        <v>122</v>
      </c>
      <c r="G98" s="22">
        <v>8</v>
      </c>
    </row>
    <row r="99" spans="2:7" x14ac:dyDescent="0.2">
      <c r="B99" s="29"/>
      <c r="C99" s="7"/>
      <c r="D99" s="23">
        <v>100</v>
      </c>
      <c r="E99" s="24">
        <v>73.099999999999994</v>
      </c>
      <c r="F99" s="25">
        <v>25.2</v>
      </c>
      <c r="G99" s="26">
        <v>1.7</v>
      </c>
    </row>
    <row r="100" spans="2:7" x14ac:dyDescent="0.2">
      <c r="B100" s="29"/>
      <c r="C100" s="2" t="s">
        <v>18</v>
      </c>
      <c r="D100" s="19">
        <v>195</v>
      </c>
      <c r="E100" s="20">
        <v>148</v>
      </c>
      <c r="F100" s="21">
        <v>40</v>
      </c>
      <c r="G100" s="22">
        <v>7</v>
      </c>
    </row>
    <row r="101" spans="2:7" x14ac:dyDescent="0.2">
      <c r="B101" s="29"/>
      <c r="C101" s="7"/>
      <c r="D101" s="23">
        <v>100</v>
      </c>
      <c r="E101" s="24">
        <v>75.900000000000006</v>
      </c>
      <c r="F101" s="25">
        <v>20.5</v>
      </c>
      <c r="G101" s="26">
        <v>3.6</v>
      </c>
    </row>
    <row r="102" spans="2:7" x14ac:dyDescent="0.2">
      <c r="B102" s="29"/>
      <c r="C102" s="2" t="s">
        <v>17</v>
      </c>
      <c r="D102" s="19">
        <v>1</v>
      </c>
      <c r="E102" s="20">
        <v>1</v>
      </c>
      <c r="F102" s="21" t="s">
        <v>152</v>
      </c>
      <c r="G102" s="22" t="s">
        <v>152</v>
      </c>
    </row>
    <row r="103" spans="2:7" x14ac:dyDescent="0.2">
      <c r="B103" s="29"/>
      <c r="C103" s="7"/>
      <c r="D103" s="23">
        <v>100</v>
      </c>
      <c r="E103" s="24">
        <v>100</v>
      </c>
      <c r="F103" s="25" t="s">
        <v>152</v>
      </c>
      <c r="G103" s="26" t="s">
        <v>152</v>
      </c>
    </row>
    <row r="104" spans="2:7" x14ac:dyDescent="0.2">
      <c r="B104" s="29"/>
      <c r="C104" s="2" t="s">
        <v>151</v>
      </c>
      <c r="D104" s="19">
        <v>178</v>
      </c>
      <c r="E104" s="20">
        <v>149</v>
      </c>
      <c r="F104" s="21">
        <v>23</v>
      </c>
      <c r="G104" s="22">
        <v>6</v>
      </c>
    </row>
    <row r="105" spans="2:7" x14ac:dyDescent="0.2">
      <c r="B105" s="29"/>
      <c r="C105" s="7"/>
      <c r="D105" s="23">
        <v>100</v>
      </c>
      <c r="E105" s="24">
        <v>83.7</v>
      </c>
      <c r="F105" s="25">
        <v>12.9</v>
      </c>
      <c r="G105" s="26">
        <v>3.4</v>
      </c>
    </row>
    <row r="106" spans="2:7" x14ac:dyDescent="0.2">
      <c r="B106" s="29"/>
      <c r="C106" s="2" t="s">
        <v>16</v>
      </c>
      <c r="D106" s="19">
        <v>10</v>
      </c>
      <c r="E106" s="20">
        <v>5</v>
      </c>
      <c r="F106" s="21">
        <v>5</v>
      </c>
      <c r="G106" s="22" t="s">
        <v>152</v>
      </c>
    </row>
    <row r="107" spans="2:7" x14ac:dyDescent="0.2">
      <c r="B107" s="29"/>
      <c r="C107" s="7"/>
      <c r="D107" s="23">
        <v>100</v>
      </c>
      <c r="E107" s="24">
        <v>50</v>
      </c>
      <c r="F107" s="25">
        <v>50</v>
      </c>
      <c r="G107" s="26" t="s">
        <v>152</v>
      </c>
    </row>
    <row r="108" spans="2:7" x14ac:dyDescent="0.2">
      <c r="B108" s="29"/>
      <c r="C108" s="2" t="s">
        <v>15</v>
      </c>
      <c r="D108" s="19">
        <v>211</v>
      </c>
      <c r="E108" s="20">
        <v>164</v>
      </c>
      <c r="F108" s="21">
        <v>38</v>
      </c>
      <c r="G108" s="22">
        <v>9</v>
      </c>
    </row>
    <row r="109" spans="2:7" x14ac:dyDescent="0.2">
      <c r="B109" s="29"/>
      <c r="C109" s="7"/>
      <c r="D109" s="23">
        <v>100</v>
      </c>
      <c r="E109" s="24">
        <v>77.7</v>
      </c>
      <c r="F109" s="25">
        <v>18</v>
      </c>
      <c r="G109" s="26">
        <v>4.3</v>
      </c>
    </row>
    <row r="110" spans="2:7" x14ac:dyDescent="0.2">
      <c r="B110" s="29"/>
      <c r="C110" s="2" t="s">
        <v>14</v>
      </c>
      <c r="D110" s="19">
        <v>12</v>
      </c>
      <c r="E110" s="20">
        <v>9</v>
      </c>
      <c r="F110" s="21">
        <v>3</v>
      </c>
      <c r="G110" s="22" t="s">
        <v>152</v>
      </c>
    </row>
    <row r="111" spans="2:7" x14ac:dyDescent="0.2">
      <c r="B111" s="29"/>
      <c r="C111" s="7"/>
      <c r="D111" s="23">
        <v>100</v>
      </c>
      <c r="E111" s="24">
        <v>75</v>
      </c>
      <c r="F111" s="25">
        <v>25</v>
      </c>
      <c r="G111" s="26" t="s">
        <v>152</v>
      </c>
    </row>
    <row r="112" spans="2:7" x14ac:dyDescent="0.2">
      <c r="B112" s="29"/>
      <c r="C112" s="2" t="s">
        <v>13</v>
      </c>
      <c r="D112" s="19">
        <v>78</v>
      </c>
      <c r="E112" s="20">
        <v>56</v>
      </c>
      <c r="F112" s="21">
        <v>15</v>
      </c>
      <c r="G112" s="22">
        <v>7</v>
      </c>
    </row>
    <row r="113" spans="2:7" x14ac:dyDescent="0.2">
      <c r="B113" s="30"/>
      <c r="C113" s="10"/>
      <c r="D113" s="15">
        <v>100</v>
      </c>
      <c r="E113" s="16">
        <v>71.8</v>
      </c>
      <c r="F113" s="17">
        <v>19.2</v>
      </c>
      <c r="G113" s="18">
        <v>9</v>
      </c>
    </row>
    <row r="114" spans="2:7" x14ac:dyDescent="0.2">
      <c r="B114" s="28" t="s">
        <v>31</v>
      </c>
      <c r="C114" s="9" t="s">
        <v>12</v>
      </c>
      <c r="D114" s="11">
        <v>752</v>
      </c>
      <c r="E114" s="12">
        <v>548</v>
      </c>
      <c r="F114" s="13">
        <v>186</v>
      </c>
      <c r="G114" s="14">
        <v>18</v>
      </c>
    </row>
    <row r="115" spans="2:7" x14ac:dyDescent="0.2">
      <c r="B115" s="29"/>
      <c r="C115" s="8"/>
      <c r="D115" s="15">
        <v>100</v>
      </c>
      <c r="E115" s="16">
        <v>72.900000000000006</v>
      </c>
      <c r="F115" s="17">
        <v>24.7</v>
      </c>
      <c r="G115" s="18">
        <v>2.4</v>
      </c>
    </row>
    <row r="116" spans="2:7" x14ac:dyDescent="0.2">
      <c r="B116" s="29"/>
      <c r="C116" s="2" t="s">
        <v>11</v>
      </c>
      <c r="D116" s="19">
        <v>2</v>
      </c>
      <c r="E116" s="20">
        <v>1</v>
      </c>
      <c r="F116" s="21" t="s">
        <v>152</v>
      </c>
      <c r="G116" s="22">
        <v>1</v>
      </c>
    </row>
    <row r="117" spans="2:7" x14ac:dyDescent="0.2">
      <c r="B117" s="29"/>
      <c r="C117" s="7"/>
      <c r="D117" s="23">
        <v>100</v>
      </c>
      <c r="E117" s="24">
        <v>50</v>
      </c>
      <c r="F117" s="25" t="s">
        <v>152</v>
      </c>
      <c r="G117" s="26">
        <v>50</v>
      </c>
    </row>
    <row r="118" spans="2:7" x14ac:dyDescent="0.2">
      <c r="B118" s="29"/>
      <c r="C118" s="2" t="s">
        <v>10</v>
      </c>
      <c r="D118" s="19">
        <v>32</v>
      </c>
      <c r="E118" s="20">
        <v>19</v>
      </c>
      <c r="F118" s="21">
        <v>12</v>
      </c>
      <c r="G118" s="22">
        <v>1</v>
      </c>
    </row>
    <row r="119" spans="2:7" x14ac:dyDescent="0.2">
      <c r="B119" s="29"/>
      <c r="C119" s="7"/>
      <c r="D119" s="23">
        <v>100</v>
      </c>
      <c r="E119" s="24">
        <v>59.4</v>
      </c>
      <c r="F119" s="25">
        <v>37.5</v>
      </c>
      <c r="G119" s="26">
        <v>3.1</v>
      </c>
    </row>
    <row r="120" spans="2:7" x14ac:dyDescent="0.2">
      <c r="B120" s="29"/>
      <c r="C120" s="2" t="s">
        <v>9</v>
      </c>
      <c r="D120" s="19">
        <v>33</v>
      </c>
      <c r="E120" s="20">
        <v>20</v>
      </c>
      <c r="F120" s="21">
        <v>12</v>
      </c>
      <c r="G120" s="22">
        <v>1</v>
      </c>
    </row>
    <row r="121" spans="2:7" x14ac:dyDescent="0.2">
      <c r="B121" s="29"/>
      <c r="C121" s="7"/>
      <c r="D121" s="23">
        <v>100</v>
      </c>
      <c r="E121" s="24">
        <v>60.6</v>
      </c>
      <c r="F121" s="25">
        <v>36.4</v>
      </c>
      <c r="G121" s="26">
        <v>3</v>
      </c>
    </row>
    <row r="122" spans="2:7" x14ac:dyDescent="0.2">
      <c r="B122" s="29"/>
      <c r="C122" s="2" t="s">
        <v>8</v>
      </c>
      <c r="D122" s="19">
        <v>71</v>
      </c>
      <c r="E122" s="20">
        <v>56</v>
      </c>
      <c r="F122" s="21">
        <v>14</v>
      </c>
      <c r="G122" s="22">
        <v>1</v>
      </c>
    </row>
    <row r="123" spans="2:7" x14ac:dyDescent="0.2">
      <c r="B123" s="29"/>
      <c r="C123" s="7"/>
      <c r="D123" s="23">
        <v>100</v>
      </c>
      <c r="E123" s="24">
        <v>78.900000000000006</v>
      </c>
      <c r="F123" s="25">
        <v>19.7</v>
      </c>
      <c r="G123" s="26">
        <v>1.4</v>
      </c>
    </row>
    <row r="124" spans="2:7" x14ac:dyDescent="0.2">
      <c r="B124" s="29"/>
      <c r="C124" s="2" t="s">
        <v>7</v>
      </c>
      <c r="D124" s="19">
        <v>152</v>
      </c>
      <c r="E124" s="20">
        <v>111</v>
      </c>
      <c r="F124" s="21">
        <v>37</v>
      </c>
      <c r="G124" s="22">
        <v>4</v>
      </c>
    </row>
    <row r="125" spans="2:7" x14ac:dyDescent="0.2">
      <c r="B125" s="29"/>
      <c r="C125" s="7"/>
      <c r="D125" s="23">
        <v>100</v>
      </c>
      <c r="E125" s="24">
        <v>73</v>
      </c>
      <c r="F125" s="25">
        <v>24.3</v>
      </c>
      <c r="G125" s="26">
        <v>2.6</v>
      </c>
    </row>
    <row r="126" spans="2:7" x14ac:dyDescent="0.2">
      <c r="B126" s="29"/>
      <c r="C126" s="2" t="s">
        <v>6</v>
      </c>
      <c r="D126" s="19">
        <v>176</v>
      </c>
      <c r="E126" s="20">
        <v>132</v>
      </c>
      <c r="F126" s="21">
        <v>43</v>
      </c>
      <c r="G126" s="22">
        <v>1</v>
      </c>
    </row>
    <row r="127" spans="2:7" x14ac:dyDescent="0.2">
      <c r="B127" s="29"/>
      <c r="C127" s="7"/>
      <c r="D127" s="23">
        <v>100</v>
      </c>
      <c r="E127" s="24">
        <v>75</v>
      </c>
      <c r="F127" s="25">
        <v>24.4</v>
      </c>
      <c r="G127" s="26">
        <v>0.6</v>
      </c>
    </row>
    <row r="128" spans="2:7" x14ac:dyDescent="0.2">
      <c r="B128" s="29"/>
      <c r="C128" s="2" t="s">
        <v>5</v>
      </c>
      <c r="D128" s="19">
        <v>37</v>
      </c>
      <c r="E128" s="20">
        <v>29</v>
      </c>
      <c r="F128" s="21">
        <v>6</v>
      </c>
      <c r="G128" s="22">
        <v>2</v>
      </c>
    </row>
    <row r="129" spans="2:7" x14ac:dyDescent="0.2">
      <c r="B129" s="29"/>
      <c r="C129" s="7"/>
      <c r="D129" s="23">
        <v>100</v>
      </c>
      <c r="E129" s="24">
        <v>78.400000000000006</v>
      </c>
      <c r="F129" s="25">
        <v>16.2</v>
      </c>
      <c r="G129" s="26">
        <v>5.4</v>
      </c>
    </row>
    <row r="130" spans="2:7" x14ac:dyDescent="0.2">
      <c r="B130" s="29"/>
      <c r="C130" s="2" t="s">
        <v>4</v>
      </c>
      <c r="D130" s="19">
        <v>67</v>
      </c>
      <c r="E130" s="20">
        <v>50</v>
      </c>
      <c r="F130" s="21">
        <v>16</v>
      </c>
      <c r="G130" s="22">
        <v>1</v>
      </c>
    </row>
    <row r="131" spans="2:7" x14ac:dyDescent="0.2">
      <c r="B131" s="29"/>
      <c r="C131" s="7"/>
      <c r="D131" s="23">
        <v>100</v>
      </c>
      <c r="E131" s="24">
        <v>74.599999999999994</v>
      </c>
      <c r="F131" s="25">
        <v>23.9</v>
      </c>
      <c r="G131" s="26">
        <v>1.5</v>
      </c>
    </row>
    <row r="132" spans="2:7" x14ac:dyDescent="0.2">
      <c r="B132" s="29"/>
      <c r="C132" s="2" t="s">
        <v>3</v>
      </c>
      <c r="D132" s="19">
        <v>159</v>
      </c>
      <c r="E132" s="20">
        <v>111</v>
      </c>
      <c r="F132" s="21">
        <v>43</v>
      </c>
      <c r="G132" s="22">
        <v>5</v>
      </c>
    </row>
    <row r="133" spans="2:7" x14ac:dyDescent="0.2">
      <c r="B133" s="29"/>
      <c r="C133" s="7"/>
      <c r="D133" s="23">
        <v>100</v>
      </c>
      <c r="E133" s="24">
        <v>69.8</v>
      </c>
      <c r="F133" s="25">
        <v>27</v>
      </c>
      <c r="G133" s="26">
        <v>3.1</v>
      </c>
    </row>
    <row r="134" spans="2:7" x14ac:dyDescent="0.2">
      <c r="B134" s="29"/>
      <c r="C134" s="2" t="s">
        <v>2</v>
      </c>
      <c r="D134" s="19">
        <v>23</v>
      </c>
      <c r="E134" s="20">
        <v>19</v>
      </c>
      <c r="F134" s="21">
        <v>3</v>
      </c>
      <c r="G134" s="22">
        <v>1</v>
      </c>
    </row>
    <row r="135" spans="2:7" x14ac:dyDescent="0.2">
      <c r="B135" s="30"/>
      <c r="C135" s="10"/>
      <c r="D135" s="15">
        <v>100</v>
      </c>
      <c r="E135" s="16">
        <v>82.6</v>
      </c>
      <c r="F135" s="17">
        <v>13</v>
      </c>
      <c r="G135" s="18">
        <v>4.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47"/>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82</v>
      </c>
      <c r="D1" s="1"/>
      <c r="E1" s="1"/>
      <c r="F1" s="1"/>
      <c r="G1" s="1"/>
    </row>
    <row r="2" spans="2:7" x14ac:dyDescent="0.2">
      <c r="B2" s="1"/>
      <c r="C2" s="1"/>
      <c r="D2" s="1"/>
      <c r="E2" s="1"/>
      <c r="F2" s="1"/>
      <c r="G2" s="1"/>
    </row>
    <row r="3" spans="2:7" ht="112.5" customHeight="1" x14ac:dyDescent="0.15">
      <c r="B3" s="2"/>
      <c r="C3" s="3" t="s">
        <v>37</v>
      </c>
      <c r="D3" s="4" t="s">
        <v>56</v>
      </c>
      <c r="E3" s="5" t="s">
        <v>61</v>
      </c>
      <c r="F3" s="6" t="s">
        <v>62</v>
      </c>
      <c r="G3" s="27" t="s">
        <v>150</v>
      </c>
    </row>
    <row r="4" spans="2:7" x14ac:dyDescent="0.2">
      <c r="B4" s="28" t="s">
        <v>55</v>
      </c>
      <c r="C4" s="9" t="s">
        <v>12</v>
      </c>
      <c r="D4" s="11">
        <v>1241</v>
      </c>
      <c r="E4" s="12">
        <v>931</v>
      </c>
      <c r="F4" s="13">
        <v>270</v>
      </c>
      <c r="G4" s="14">
        <v>40</v>
      </c>
    </row>
    <row r="5" spans="2:7" x14ac:dyDescent="0.2">
      <c r="B5" s="29"/>
      <c r="C5" s="8"/>
      <c r="D5" s="15">
        <v>100</v>
      </c>
      <c r="E5" s="16">
        <v>75</v>
      </c>
      <c r="F5" s="17">
        <v>21.8</v>
      </c>
      <c r="G5" s="18">
        <v>3.2</v>
      </c>
    </row>
    <row r="6" spans="2:7" x14ac:dyDescent="0.2">
      <c r="B6" s="29"/>
      <c r="C6" s="2" t="s">
        <v>52</v>
      </c>
      <c r="D6" s="19">
        <v>557</v>
      </c>
      <c r="E6" s="20">
        <v>435</v>
      </c>
      <c r="F6" s="21">
        <v>106</v>
      </c>
      <c r="G6" s="22">
        <v>16</v>
      </c>
    </row>
    <row r="7" spans="2:7" x14ac:dyDescent="0.2">
      <c r="B7" s="29"/>
      <c r="C7" s="7"/>
      <c r="D7" s="23">
        <v>100</v>
      </c>
      <c r="E7" s="24">
        <v>78.099999999999994</v>
      </c>
      <c r="F7" s="25">
        <v>19</v>
      </c>
      <c r="G7" s="26">
        <v>2.9</v>
      </c>
    </row>
    <row r="8" spans="2:7" x14ac:dyDescent="0.2">
      <c r="B8" s="29"/>
      <c r="C8" s="2" t="s">
        <v>51</v>
      </c>
      <c r="D8" s="19">
        <v>595</v>
      </c>
      <c r="E8" s="20">
        <v>434</v>
      </c>
      <c r="F8" s="21">
        <v>147</v>
      </c>
      <c r="G8" s="22">
        <v>14</v>
      </c>
    </row>
    <row r="9" spans="2:7" x14ac:dyDescent="0.2">
      <c r="B9" s="29"/>
      <c r="C9" s="7"/>
      <c r="D9" s="23">
        <v>100</v>
      </c>
      <c r="E9" s="24">
        <v>72.900000000000006</v>
      </c>
      <c r="F9" s="25">
        <v>24.7</v>
      </c>
      <c r="G9" s="26">
        <v>2.4</v>
      </c>
    </row>
    <row r="10" spans="2:7" x14ac:dyDescent="0.2">
      <c r="B10" s="29"/>
      <c r="C10" s="2" t="s">
        <v>13</v>
      </c>
      <c r="D10" s="19">
        <v>89</v>
      </c>
      <c r="E10" s="20">
        <v>62</v>
      </c>
      <c r="F10" s="21">
        <v>17</v>
      </c>
      <c r="G10" s="22">
        <v>10</v>
      </c>
    </row>
    <row r="11" spans="2:7" x14ac:dyDescent="0.2">
      <c r="B11" s="30"/>
      <c r="C11" s="10"/>
      <c r="D11" s="15">
        <v>100</v>
      </c>
      <c r="E11" s="16">
        <v>69.7</v>
      </c>
      <c r="F11" s="17">
        <v>19.100000000000001</v>
      </c>
      <c r="G11" s="18">
        <v>11.2</v>
      </c>
    </row>
    <row r="12" spans="2:7" x14ac:dyDescent="0.2">
      <c r="B12" s="28" t="s">
        <v>54</v>
      </c>
      <c r="C12" s="9" t="s">
        <v>12</v>
      </c>
      <c r="D12" s="11">
        <v>1241</v>
      </c>
      <c r="E12" s="12">
        <v>931</v>
      </c>
      <c r="F12" s="13">
        <v>270</v>
      </c>
      <c r="G12" s="14">
        <v>40</v>
      </c>
    </row>
    <row r="13" spans="2:7" x14ac:dyDescent="0.2">
      <c r="B13" s="29"/>
      <c r="C13" s="8"/>
      <c r="D13" s="15">
        <v>100</v>
      </c>
      <c r="E13" s="16">
        <v>75</v>
      </c>
      <c r="F13" s="17">
        <v>21.8</v>
      </c>
      <c r="G13" s="18">
        <v>3.2</v>
      </c>
    </row>
    <row r="14" spans="2:7" x14ac:dyDescent="0.2">
      <c r="B14" s="29"/>
      <c r="C14" s="2" t="s">
        <v>50</v>
      </c>
      <c r="D14" s="19">
        <v>84</v>
      </c>
      <c r="E14" s="20">
        <v>61</v>
      </c>
      <c r="F14" s="21">
        <v>19</v>
      </c>
      <c r="G14" s="22">
        <v>4</v>
      </c>
    </row>
    <row r="15" spans="2:7" x14ac:dyDescent="0.2">
      <c r="B15" s="29"/>
      <c r="C15" s="7"/>
      <c r="D15" s="23">
        <v>100</v>
      </c>
      <c r="E15" s="24">
        <v>72.599999999999994</v>
      </c>
      <c r="F15" s="25">
        <v>22.6</v>
      </c>
      <c r="G15" s="26">
        <v>4.8</v>
      </c>
    </row>
    <row r="16" spans="2:7" x14ac:dyDescent="0.2">
      <c r="B16" s="29"/>
      <c r="C16" s="2" t="s">
        <v>49</v>
      </c>
      <c r="D16" s="19">
        <v>97</v>
      </c>
      <c r="E16" s="20">
        <v>76</v>
      </c>
      <c r="F16" s="21">
        <v>18</v>
      </c>
      <c r="G16" s="22">
        <v>3</v>
      </c>
    </row>
    <row r="17" spans="2:7" x14ac:dyDescent="0.2">
      <c r="B17" s="29"/>
      <c r="C17" s="7"/>
      <c r="D17" s="23">
        <v>100</v>
      </c>
      <c r="E17" s="24">
        <v>78.400000000000006</v>
      </c>
      <c r="F17" s="25">
        <v>18.600000000000001</v>
      </c>
      <c r="G17" s="26">
        <v>3.1</v>
      </c>
    </row>
    <row r="18" spans="2:7" x14ac:dyDescent="0.2">
      <c r="B18" s="29"/>
      <c r="C18" s="2" t="s">
        <v>48</v>
      </c>
      <c r="D18" s="19">
        <v>79</v>
      </c>
      <c r="E18" s="20">
        <v>61</v>
      </c>
      <c r="F18" s="21">
        <v>18</v>
      </c>
      <c r="G18" s="22" t="s">
        <v>152</v>
      </c>
    </row>
    <row r="19" spans="2:7" x14ac:dyDescent="0.2">
      <c r="B19" s="29"/>
      <c r="C19" s="7"/>
      <c r="D19" s="23">
        <v>100</v>
      </c>
      <c r="E19" s="24">
        <v>77.2</v>
      </c>
      <c r="F19" s="25">
        <v>22.8</v>
      </c>
      <c r="G19" s="26" t="s">
        <v>152</v>
      </c>
    </row>
    <row r="20" spans="2:7" x14ac:dyDescent="0.2">
      <c r="B20" s="29"/>
      <c r="C20" s="2" t="s">
        <v>47</v>
      </c>
      <c r="D20" s="19">
        <v>72</v>
      </c>
      <c r="E20" s="20">
        <v>56</v>
      </c>
      <c r="F20" s="21">
        <v>15</v>
      </c>
      <c r="G20" s="22">
        <v>1</v>
      </c>
    </row>
    <row r="21" spans="2:7" x14ac:dyDescent="0.2">
      <c r="B21" s="29"/>
      <c r="C21" s="7"/>
      <c r="D21" s="23">
        <v>100</v>
      </c>
      <c r="E21" s="24">
        <v>77.8</v>
      </c>
      <c r="F21" s="25">
        <v>20.8</v>
      </c>
      <c r="G21" s="26">
        <v>1.4</v>
      </c>
    </row>
    <row r="22" spans="2:7" x14ac:dyDescent="0.2">
      <c r="B22" s="29"/>
      <c r="C22" s="2" t="s">
        <v>46</v>
      </c>
      <c r="D22" s="19">
        <v>15</v>
      </c>
      <c r="E22" s="20">
        <v>12</v>
      </c>
      <c r="F22" s="21">
        <v>3</v>
      </c>
      <c r="G22" s="22" t="s">
        <v>152</v>
      </c>
    </row>
    <row r="23" spans="2:7" x14ac:dyDescent="0.2">
      <c r="B23" s="29"/>
      <c r="C23" s="7"/>
      <c r="D23" s="23">
        <v>100</v>
      </c>
      <c r="E23" s="24">
        <v>80</v>
      </c>
      <c r="F23" s="25">
        <v>20</v>
      </c>
      <c r="G23" s="26" t="s">
        <v>152</v>
      </c>
    </row>
    <row r="24" spans="2:7" x14ac:dyDescent="0.2">
      <c r="B24" s="29"/>
      <c r="C24" s="2" t="s">
        <v>45</v>
      </c>
      <c r="D24" s="19">
        <v>77</v>
      </c>
      <c r="E24" s="20">
        <v>61</v>
      </c>
      <c r="F24" s="21">
        <v>16</v>
      </c>
      <c r="G24" s="22" t="s">
        <v>152</v>
      </c>
    </row>
    <row r="25" spans="2:7" x14ac:dyDescent="0.2">
      <c r="B25" s="29"/>
      <c r="C25" s="7"/>
      <c r="D25" s="23">
        <v>100</v>
      </c>
      <c r="E25" s="24">
        <v>79.2</v>
      </c>
      <c r="F25" s="25">
        <v>20.8</v>
      </c>
      <c r="G25" s="26" t="s">
        <v>152</v>
      </c>
    </row>
    <row r="26" spans="2:7" x14ac:dyDescent="0.2">
      <c r="B26" s="29"/>
      <c r="C26" s="2" t="s">
        <v>44</v>
      </c>
      <c r="D26" s="19">
        <v>260</v>
      </c>
      <c r="E26" s="20">
        <v>198</v>
      </c>
      <c r="F26" s="21">
        <v>54</v>
      </c>
      <c r="G26" s="22">
        <v>8</v>
      </c>
    </row>
    <row r="27" spans="2:7" x14ac:dyDescent="0.2">
      <c r="B27" s="29"/>
      <c r="C27" s="7"/>
      <c r="D27" s="23">
        <v>100</v>
      </c>
      <c r="E27" s="24">
        <v>76.2</v>
      </c>
      <c r="F27" s="25">
        <v>20.8</v>
      </c>
      <c r="G27" s="26">
        <v>3.1</v>
      </c>
    </row>
    <row r="28" spans="2:7" x14ac:dyDescent="0.2">
      <c r="B28" s="29"/>
      <c r="C28" s="2" t="s">
        <v>43</v>
      </c>
      <c r="D28" s="19">
        <v>334</v>
      </c>
      <c r="E28" s="20">
        <v>273</v>
      </c>
      <c r="F28" s="21">
        <v>46</v>
      </c>
      <c r="G28" s="22">
        <v>15</v>
      </c>
    </row>
    <row r="29" spans="2:7" x14ac:dyDescent="0.2">
      <c r="B29" s="29"/>
      <c r="C29" s="7"/>
      <c r="D29" s="23">
        <v>100</v>
      </c>
      <c r="E29" s="24">
        <v>81.7</v>
      </c>
      <c r="F29" s="25">
        <v>13.8</v>
      </c>
      <c r="G29" s="26">
        <v>4.5</v>
      </c>
    </row>
    <row r="30" spans="2:7" x14ac:dyDescent="0.2">
      <c r="B30" s="29"/>
      <c r="C30" s="2" t="s">
        <v>14</v>
      </c>
      <c r="D30" s="19">
        <v>28</v>
      </c>
      <c r="E30" s="20">
        <v>23</v>
      </c>
      <c r="F30" s="21">
        <v>3</v>
      </c>
      <c r="G30" s="22">
        <v>2</v>
      </c>
    </row>
    <row r="31" spans="2:7" x14ac:dyDescent="0.2">
      <c r="B31" s="29"/>
      <c r="C31" s="7"/>
      <c r="D31" s="23">
        <v>100</v>
      </c>
      <c r="E31" s="24">
        <v>82.1</v>
      </c>
      <c r="F31" s="25">
        <v>10.7</v>
      </c>
      <c r="G31" s="26">
        <v>7.1</v>
      </c>
    </row>
    <row r="32" spans="2:7" x14ac:dyDescent="0.2">
      <c r="B32" s="29"/>
      <c r="C32" s="2" t="s">
        <v>42</v>
      </c>
      <c r="D32" s="19">
        <v>390</v>
      </c>
      <c r="E32" s="20">
        <v>269</v>
      </c>
      <c r="F32" s="21">
        <v>115</v>
      </c>
      <c r="G32" s="22">
        <v>6</v>
      </c>
    </row>
    <row r="33" spans="2:7" x14ac:dyDescent="0.2">
      <c r="B33" s="29"/>
      <c r="C33" s="7"/>
      <c r="D33" s="23">
        <v>100</v>
      </c>
      <c r="E33" s="24">
        <v>69</v>
      </c>
      <c r="F33" s="25">
        <v>29.5</v>
      </c>
      <c r="G33" s="26">
        <v>1.5</v>
      </c>
    </row>
    <row r="34" spans="2:7" x14ac:dyDescent="0.2">
      <c r="B34" s="29"/>
      <c r="C34" s="2" t="s">
        <v>13</v>
      </c>
      <c r="D34" s="19">
        <v>70</v>
      </c>
      <c r="E34" s="20">
        <v>50</v>
      </c>
      <c r="F34" s="21">
        <v>13</v>
      </c>
      <c r="G34" s="22">
        <v>7</v>
      </c>
    </row>
    <row r="35" spans="2:7" x14ac:dyDescent="0.2">
      <c r="B35" s="30"/>
      <c r="C35" s="10"/>
      <c r="D35" s="15">
        <v>100</v>
      </c>
      <c r="E35" s="16">
        <v>71.400000000000006</v>
      </c>
      <c r="F35" s="17">
        <v>18.600000000000001</v>
      </c>
      <c r="G35" s="18">
        <v>10</v>
      </c>
    </row>
    <row r="36" spans="2:7" x14ac:dyDescent="0.2">
      <c r="B36" s="28" t="s">
        <v>53</v>
      </c>
      <c r="C36" s="9" t="s">
        <v>12</v>
      </c>
      <c r="D36" s="11">
        <v>1241</v>
      </c>
      <c r="E36" s="12">
        <v>931</v>
      </c>
      <c r="F36" s="13">
        <v>270</v>
      </c>
      <c r="G36" s="14">
        <v>40</v>
      </c>
    </row>
    <row r="37" spans="2:7" x14ac:dyDescent="0.2">
      <c r="B37" s="29"/>
      <c r="C37" s="8"/>
      <c r="D37" s="15">
        <v>100</v>
      </c>
      <c r="E37" s="16">
        <v>75</v>
      </c>
      <c r="F37" s="17">
        <v>21.8</v>
      </c>
      <c r="G37" s="18">
        <v>3.2</v>
      </c>
    </row>
    <row r="38" spans="2:7" x14ac:dyDescent="0.2">
      <c r="B38" s="29"/>
      <c r="C38" s="2" t="s">
        <v>41</v>
      </c>
      <c r="D38" s="19">
        <v>799</v>
      </c>
      <c r="E38" s="20">
        <v>603</v>
      </c>
      <c r="F38" s="21">
        <v>183</v>
      </c>
      <c r="G38" s="22">
        <v>13</v>
      </c>
    </row>
    <row r="39" spans="2:7" x14ac:dyDescent="0.2">
      <c r="B39" s="29"/>
      <c r="C39" s="7"/>
      <c r="D39" s="23">
        <v>100</v>
      </c>
      <c r="E39" s="24">
        <v>75.5</v>
      </c>
      <c r="F39" s="25">
        <v>22.9</v>
      </c>
      <c r="G39" s="26">
        <v>1.6</v>
      </c>
    </row>
    <row r="40" spans="2:7" x14ac:dyDescent="0.2">
      <c r="B40" s="29"/>
      <c r="C40" s="2" t="s">
        <v>40</v>
      </c>
      <c r="D40" s="19">
        <v>182</v>
      </c>
      <c r="E40" s="20">
        <v>139</v>
      </c>
      <c r="F40" s="21">
        <v>35</v>
      </c>
      <c r="G40" s="22">
        <v>8</v>
      </c>
    </row>
    <row r="41" spans="2:7" x14ac:dyDescent="0.2">
      <c r="B41" s="29"/>
      <c r="C41" s="7"/>
      <c r="D41" s="23">
        <v>100</v>
      </c>
      <c r="E41" s="24">
        <v>76.400000000000006</v>
      </c>
      <c r="F41" s="25">
        <v>19.2</v>
      </c>
      <c r="G41" s="26">
        <v>4.4000000000000004</v>
      </c>
    </row>
    <row r="42" spans="2:7" x14ac:dyDescent="0.2">
      <c r="B42" s="29"/>
      <c r="C42" s="2" t="s">
        <v>39</v>
      </c>
      <c r="D42" s="19">
        <v>72</v>
      </c>
      <c r="E42" s="20">
        <v>54</v>
      </c>
      <c r="F42" s="21">
        <v>18</v>
      </c>
      <c r="G42" s="22" t="s">
        <v>152</v>
      </c>
    </row>
    <row r="43" spans="2:7" x14ac:dyDescent="0.2">
      <c r="B43" s="29"/>
      <c r="C43" s="7"/>
      <c r="D43" s="23">
        <v>100</v>
      </c>
      <c r="E43" s="24">
        <v>75</v>
      </c>
      <c r="F43" s="25">
        <v>25</v>
      </c>
      <c r="G43" s="26" t="s">
        <v>152</v>
      </c>
    </row>
    <row r="44" spans="2:7" x14ac:dyDescent="0.2">
      <c r="B44" s="29"/>
      <c r="C44" s="2" t="s">
        <v>38</v>
      </c>
      <c r="D44" s="19">
        <v>127</v>
      </c>
      <c r="E44" s="20">
        <v>94</v>
      </c>
      <c r="F44" s="21">
        <v>21</v>
      </c>
      <c r="G44" s="22">
        <v>12</v>
      </c>
    </row>
    <row r="45" spans="2:7" x14ac:dyDescent="0.2">
      <c r="B45" s="29"/>
      <c r="C45" s="7"/>
      <c r="D45" s="23">
        <v>100</v>
      </c>
      <c r="E45" s="24">
        <v>74</v>
      </c>
      <c r="F45" s="25">
        <v>16.5</v>
      </c>
      <c r="G45" s="26">
        <v>9.4</v>
      </c>
    </row>
    <row r="46" spans="2:7" x14ac:dyDescent="0.2">
      <c r="B46" s="29"/>
      <c r="C46" s="2" t="s">
        <v>13</v>
      </c>
      <c r="D46" s="19">
        <v>61</v>
      </c>
      <c r="E46" s="20">
        <v>41</v>
      </c>
      <c r="F46" s="21">
        <v>13</v>
      </c>
      <c r="G46" s="22">
        <v>7</v>
      </c>
    </row>
    <row r="47" spans="2:7" x14ac:dyDescent="0.2">
      <c r="B47" s="30"/>
      <c r="C47" s="10"/>
      <c r="D47" s="15">
        <v>100</v>
      </c>
      <c r="E47" s="16">
        <v>67.2</v>
      </c>
      <c r="F47" s="17">
        <v>21.3</v>
      </c>
      <c r="G47" s="18">
        <v>11.5</v>
      </c>
    </row>
  </sheetData>
  <mergeCells count="3">
    <mergeCell ref="B4:B11"/>
    <mergeCell ref="B12:B35"/>
    <mergeCell ref="B36:B47"/>
  </mergeCells>
  <phoneticPr fontId="2"/>
  <pageMargins left="0.7" right="0.7" top="0.75" bottom="0.75" header="0.3" footer="0.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35"/>
  <sheetViews>
    <sheetView showGridLines="0" workbookViewId="0"/>
  </sheetViews>
  <sheetFormatPr defaultRowHeight="13.2" x14ac:dyDescent="0.2"/>
  <cols>
    <col min="1" max="1" width="1.77734375" customWidth="1"/>
    <col min="2" max="2" width="3.6640625" customWidth="1"/>
    <col min="3" max="3" width="21.6640625" customWidth="1"/>
    <col min="4" max="30" width="5.6640625" customWidth="1"/>
  </cols>
  <sheetData>
    <row r="1" spans="2:7" x14ac:dyDescent="0.2">
      <c r="B1" s="1"/>
      <c r="C1" s="1" t="s">
        <v>181</v>
      </c>
      <c r="D1" s="1"/>
      <c r="E1" s="1"/>
      <c r="F1" s="1"/>
      <c r="G1" s="1"/>
    </row>
    <row r="2" spans="2:7" x14ac:dyDescent="0.2">
      <c r="B2" s="1"/>
      <c r="C2" s="1"/>
      <c r="D2" s="1"/>
      <c r="E2" s="1"/>
      <c r="F2" s="1"/>
      <c r="G2" s="1"/>
    </row>
    <row r="3" spans="2:7" ht="112.5" customHeight="1" x14ac:dyDescent="0.15">
      <c r="B3" s="2"/>
      <c r="C3" s="3" t="s">
        <v>1</v>
      </c>
      <c r="D3" s="4" t="s">
        <v>56</v>
      </c>
      <c r="E3" s="5" t="s">
        <v>61</v>
      </c>
      <c r="F3" s="6" t="s">
        <v>62</v>
      </c>
      <c r="G3" s="27" t="s">
        <v>150</v>
      </c>
    </row>
    <row r="4" spans="2:7" x14ac:dyDescent="0.2">
      <c r="B4" s="28" t="s">
        <v>36</v>
      </c>
      <c r="C4" s="9" t="s">
        <v>12</v>
      </c>
      <c r="D4" s="11">
        <v>1241</v>
      </c>
      <c r="E4" s="12">
        <v>771</v>
      </c>
      <c r="F4" s="13">
        <v>409</v>
      </c>
      <c r="G4" s="14">
        <v>61</v>
      </c>
    </row>
    <row r="5" spans="2:7" x14ac:dyDescent="0.2">
      <c r="B5" s="29"/>
      <c r="C5" s="8"/>
      <c r="D5" s="15">
        <v>100</v>
      </c>
      <c r="E5" s="16">
        <v>62.1</v>
      </c>
      <c r="F5" s="17">
        <v>33</v>
      </c>
      <c r="G5" s="18">
        <v>4.9000000000000004</v>
      </c>
    </row>
    <row r="6" spans="2:7" x14ac:dyDescent="0.2">
      <c r="B6" s="29"/>
      <c r="C6" s="2" t="s">
        <v>30</v>
      </c>
      <c r="D6" s="19">
        <v>499</v>
      </c>
      <c r="E6" s="20">
        <v>308</v>
      </c>
      <c r="F6" s="21">
        <v>173</v>
      </c>
      <c r="G6" s="22">
        <v>18</v>
      </c>
    </row>
    <row r="7" spans="2:7" x14ac:dyDescent="0.2">
      <c r="B7" s="29"/>
      <c r="C7" s="7"/>
      <c r="D7" s="23">
        <v>100</v>
      </c>
      <c r="E7" s="24">
        <v>61.7</v>
      </c>
      <c r="F7" s="25">
        <v>34.700000000000003</v>
      </c>
      <c r="G7" s="26">
        <v>3.6</v>
      </c>
    </row>
    <row r="8" spans="2:7" x14ac:dyDescent="0.2">
      <c r="B8" s="29"/>
      <c r="C8" s="2" t="s">
        <v>29</v>
      </c>
      <c r="D8" s="19">
        <v>150</v>
      </c>
      <c r="E8" s="20">
        <v>90</v>
      </c>
      <c r="F8" s="21">
        <v>52</v>
      </c>
      <c r="G8" s="22">
        <v>8</v>
      </c>
    </row>
    <row r="9" spans="2:7" x14ac:dyDescent="0.2">
      <c r="B9" s="29"/>
      <c r="C9" s="7"/>
      <c r="D9" s="23">
        <v>100</v>
      </c>
      <c r="E9" s="24">
        <v>60</v>
      </c>
      <c r="F9" s="25">
        <v>34.700000000000003</v>
      </c>
      <c r="G9" s="26">
        <v>5.3</v>
      </c>
    </row>
    <row r="10" spans="2:7" x14ac:dyDescent="0.2">
      <c r="B10" s="29"/>
      <c r="C10" s="2" t="s">
        <v>28</v>
      </c>
      <c r="D10" s="19">
        <v>82</v>
      </c>
      <c r="E10" s="20">
        <v>54</v>
      </c>
      <c r="F10" s="21">
        <v>24</v>
      </c>
      <c r="G10" s="22">
        <v>4</v>
      </c>
    </row>
    <row r="11" spans="2:7" x14ac:dyDescent="0.2">
      <c r="B11" s="29"/>
      <c r="C11" s="7"/>
      <c r="D11" s="23">
        <v>100</v>
      </c>
      <c r="E11" s="24">
        <v>65.900000000000006</v>
      </c>
      <c r="F11" s="25">
        <v>29.3</v>
      </c>
      <c r="G11" s="26">
        <v>4.9000000000000004</v>
      </c>
    </row>
    <row r="12" spans="2:7" x14ac:dyDescent="0.2">
      <c r="B12" s="29"/>
      <c r="C12" s="2" t="s">
        <v>27</v>
      </c>
      <c r="D12" s="19">
        <v>92</v>
      </c>
      <c r="E12" s="20">
        <v>59</v>
      </c>
      <c r="F12" s="21">
        <v>28</v>
      </c>
      <c r="G12" s="22">
        <v>5</v>
      </c>
    </row>
    <row r="13" spans="2:7" x14ac:dyDescent="0.2">
      <c r="B13" s="29"/>
      <c r="C13" s="7"/>
      <c r="D13" s="23">
        <v>100</v>
      </c>
      <c r="E13" s="24">
        <v>64.099999999999994</v>
      </c>
      <c r="F13" s="25">
        <v>30.4</v>
      </c>
      <c r="G13" s="26">
        <v>5.4</v>
      </c>
    </row>
    <row r="14" spans="2:7" x14ac:dyDescent="0.2">
      <c r="B14" s="29"/>
      <c r="C14" s="2" t="s">
        <v>26</v>
      </c>
      <c r="D14" s="19">
        <v>112</v>
      </c>
      <c r="E14" s="20">
        <v>71</v>
      </c>
      <c r="F14" s="21">
        <v>36</v>
      </c>
      <c r="G14" s="22">
        <v>5</v>
      </c>
    </row>
    <row r="15" spans="2:7" x14ac:dyDescent="0.2">
      <c r="B15" s="29"/>
      <c r="C15" s="7"/>
      <c r="D15" s="23">
        <v>100</v>
      </c>
      <c r="E15" s="24">
        <v>63.4</v>
      </c>
      <c r="F15" s="25">
        <v>32.1</v>
      </c>
      <c r="G15" s="26">
        <v>4.5</v>
      </c>
    </row>
    <row r="16" spans="2:7" x14ac:dyDescent="0.2">
      <c r="B16" s="29"/>
      <c r="C16" s="2" t="s">
        <v>25</v>
      </c>
      <c r="D16" s="19">
        <v>188</v>
      </c>
      <c r="E16" s="20">
        <v>116</v>
      </c>
      <c r="F16" s="21">
        <v>63</v>
      </c>
      <c r="G16" s="22">
        <v>9</v>
      </c>
    </row>
    <row r="17" spans="2:7" x14ac:dyDescent="0.2">
      <c r="B17" s="29"/>
      <c r="C17" s="7"/>
      <c r="D17" s="23">
        <v>100</v>
      </c>
      <c r="E17" s="24">
        <v>61.7</v>
      </c>
      <c r="F17" s="25">
        <v>33.5</v>
      </c>
      <c r="G17" s="26">
        <v>4.8</v>
      </c>
    </row>
    <row r="18" spans="2:7" x14ac:dyDescent="0.2">
      <c r="B18" s="29"/>
      <c r="C18" s="2" t="s">
        <v>24</v>
      </c>
      <c r="D18" s="19">
        <v>60</v>
      </c>
      <c r="E18" s="20">
        <v>40</v>
      </c>
      <c r="F18" s="21">
        <v>17</v>
      </c>
      <c r="G18" s="22">
        <v>3</v>
      </c>
    </row>
    <row r="19" spans="2:7" x14ac:dyDescent="0.2">
      <c r="B19" s="29"/>
      <c r="C19" s="7"/>
      <c r="D19" s="23">
        <v>100</v>
      </c>
      <c r="E19" s="24">
        <v>66.7</v>
      </c>
      <c r="F19" s="25">
        <v>28.3</v>
      </c>
      <c r="G19" s="26">
        <v>5</v>
      </c>
    </row>
    <row r="20" spans="2:7" x14ac:dyDescent="0.2">
      <c r="B20" s="29"/>
      <c r="C20" s="2" t="s">
        <v>13</v>
      </c>
      <c r="D20" s="19">
        <v>58</v>
      </c>
      <c r="E20" s="20">
        <v>33</v>
      </c>
      <c r="F20" s="21">
        <v>16</v>
      </c>
      <c r="G20" s="22">
        <v>9</v>
      </c>
    </row>
    <row r="21" spans="2:7" x14ac:dyDescent="0.2">
      <c r="B21" s="30"/>
      <c r="C21" s="10"/>
      <c r="D21" s="15">
        <v>100</v>
      </c>
      <c r="E21" s="16">
        <v>56.9</v>
      </c>
      <c r="F21" s="17">
        <v>27.6</v>
      </c>
      <c r="G21" s="18">
        <v>15.5</v>
      </c>
    </row>
    <row r="22" spans="2:7" x14ac:dyDescent="0.2">
      <c r="B22" s="28" t="s">
        <v>35</v>
      </c>
      <c r="C22" s="9" t="s">
        <v>12</v>
      </c>
      <c r="D22" s="11">
        <v>1241</v>
      </c>
      <c r="E22" s="12">
        <v>771</v>
      </c>
      <c r="F22" s="13">
        <v>409</v>
      </c>
      <c r="G22" s="14">
        <v>61</v>
      </c>
    </row>
    <row r="23" spans="2:7" x14ac:dyDescent="0.2">
      <c r="B23" s="29"/>
      <c r="C23" s="8"/>
      <c r="D23" s="15">
        <v>100</v>
      </c>
      <c r="E23" s="16">
        <v>62.1</v>
      </c>
      <c r="F23" s="17">
        <v>33</v>
      </c>
      <c r="G23" s="18">
        <v>4.9000000000000004</v>
      </c>
    </row>
    <row r="24" spans="2:7" x14ac:dyDescent="0.2">
      <c r="B24" s="29"/>
      <c r="C24" s="2" t="s">
        <v>23</v>
      </c>
      <c r="D24" s="19">
        <v>563</v>
      </c>
      <c r="E24" s="20">
        <v>342</v>
      </c>
      <c r="F24" s="21">
        <v>204</v>
      </c>
      <c r="G24" s="22">
        <v>17</v>
      </c>
    </row>
    <row r="25" spans="2:7" x14ac:dyDescent="0.2">
      <c r="B25" s="29"/>
      <c r="C25" s="7"/>
      <c r="D25" s="23">
        <v>100</v>
      </c>
      <c r="E25" s="24">
        <v>60.7</v>
      </c>
      <c r="F25" s="25">
        <v>36.200000000000003</v>
      </c>
      <c r="G25" s="26">
        <v>3</v>
      </c>
    </row>
    <row r="26" spans="2:7" x14ac:dyDescent="0.2">
      <c r="B26" s="29"/>
      <c r="C26" s="2" t="s">
        <v>22</v>
      </c>
      <c r="D26" s="19">
        <v>607</v>
      </c>
      <c r="E26" s="20">
        <v>387</v>
      </c>
      <c r="F26" s="21">
        <v>185</v>
      </c>
      <c r="G26" s="22">
        <v>35</v>
      </c>
    </row>
    <row r="27" spans="2:7" x14ac:dyDescent="0.2">
      <c r="B27" s="29"/>
      <c r="C27" s="7"/>
      <c r="D27" s="23">
        <v>100</v>
      </c>
      <c r="E27" s="24">
        <v>63.8</v>
      </c>
      <c r="F27" s="25">
        <v>30.5</v>
      </c>
      <c r="G27" s="26">
        <v>5.8</v>
      </c>
    </row>
    <row r="28" spans="2:7" x14ac:dyDescent="0.2">
      <c r="B28" s="29"/>
      <c r="C28" s="2" t="s">
        <v>13</v>
      </c>
      <c r="D28" s="19">
        <v>71</v>
      </c>
      <c r="E28" s="20">
        <v>42</v>
      </c>
      <c r="F28" s="21">
        <v>20</v>
      </c>
      <c r="G28" s="22">
        <v>9</v>
      </c>
    </row>
    <row r="29" spans="2:7" x14ac:dyDescent="0.2">
      <c r="B29" s="30"/>
      <c r="C29" s="10"/>
      <c r="D29" s="15">
        <v>100</v>
      </c>
      <c r="E29" s="16">
        <v>59.2</v>
      </c>
      <c r="F29" s="17">
        <v>28.2</v>
      </c>
      <c r="G29" s="18">
        <v>12.7</v>
      </c>
    </row>
    <row r="30" spans="2:7" x14ac:dyDescent="0.2">
      <c r="B30" s="28" t="s">
        <v>34</v>
      </c>
      <c r="C30" s="9" t="s">
        <v>12</v>
      </c>
      <c r="D30" s="11">
        <v>1241</v>
      </c>
      <c r="E30" s="12">
        <v>771</v>
      </c>
      <c r="F30" s="13">
        <v>409</v>
      </c>
      <c r="G30" s="14">
        <v>61</v>
      </c>
    </row>
    <row r="31" spans="2:7" x14ac:dyDescent="0.2">
      <c r="B31" s="29"/>
      <c r="C31" s="8"/>
      <c r="D31" s="15">
        <v>100</v>
      </c>
      <c r="E31" s="16">
        <v>62.1</v>
      </c>
      <c r="F31" s="17">
        <v>33</v>
      </c>
      <c r="G31" s="18">
        <v>4.9000000000000004</v>
      </c>
    </row>
    <row r="32" spans="2:7" x14ac:dyDescent="0.2">
      <c r="B32" s="29"/>
      <c r="C32" s="2" t="s">
        <v>75</v>
      </c>
      <c r="D32" s="19">
        <v>3</v>
      </c>
      <c r="E32" s="20" t="s">
        <v>152</v>
      </c>
      <c r="F32" s="21">
        <v>3</v>
      </c>
      <c r="G32" s="22" t="s">
        <v>152</v>
      </c>
    </row>
    <row r="33" spans="2:7" x14ac:dyDescent="0.2">
      <c r="B33" s="29"/>
      <c r="C33" s="7"/>
      <c r="D33" s="23">
        <v>100</v>
      </c>
      <c r="E33" s="24" t="s">
        <v>152</v>
      </c>
      <c r="F33" s="25">
        <v>100</v>
      </c>
      <c r="G33" s="26" t="s">
        <v>152</v>
      </c>
    </row>
    <row r="34" spans="2:7" x14ac:dyDescent="0.2">
      <c r="B34" s="29"/>
      <c r="C34" s="2" t="s">
        <v>77</v>
      </c>
      <c r="D34" s="19">
        <v>51</v>
      </c>
      <c r="E34" s="20">
        <v>27</v>
      </c>
      <c r="F34" s="21">
        <v>23</v>
      </c>
      <c r="G34" s="22">
        <v>1</v>
      </c>
    </row>
    <row r="35" spans="2:7" x14ac:dyDescent="0.2">
      <c r="B35" s="29"/>
      <c r="C35" s="7"/>
      <c r="D35" s="23">
        <v>100</v>
      </c>
      <c r="E35" s="24">
        <v>52.9</v>
      </c>
      <c r="F35" s="25">
        <v>45.1</v>
      </c>
      <c r="G35" s="26">
        <v>2</v>
      </c>
    </row>
    <row r="36" spans="2:7" x14ac:dyDescent="0.2">
      <c r="B36" s="29"/>
      <c r="C36" s="2" t="s">
        <v>147</v>
      </c>
      <c r="D36" s="19">
        <v>54</v>
      </c>
      <c r="E36" s="20">
        <v>27</v>
      </c>
      <c r="F36" s="21">
        <v>26</v>
      </c>
      <c r="G36" s="22">
        <v>1</v>
      </c>
    </row>
    <row r="37" spans="2:7" x14ac:dyDescent="0.2">
      <c r="B37" s="29"/>
      <c r="C37" s="7"/>
      <c r="D37" s="23">
        <v>100</v>
      </c>
      <c r="E37" s="24">
        <v>50</v>
      </c>
      <c r="F37" s="25">
        <v>48.148148148148145</v>
      </c>
      <c r="G37" s="26">
        <v>1.8518518518518516</v>
      </c>
    </row>
    <row r="38" spans="2:7" x14ac:dyDescent="0.2">
      <c r="B38" s="29"/>
      <c r="C38" s="2" t="s">
        <v>79</v>
      </c>
      <c r="D38" s="19">
        <v>116</v>
      </c>
      <c r="E38" s="20">
        <v>62</v>
      </c>
      <c r="F38" s="21">
        <v>49</v>
      </c>
      <c r="G38" s="22">
        <v>5</v>
      </c>
    </row>
    <row r="39" spans="2:7" x14ac:dyDescent="0.2">
      <c r="B39" s="29"/>
      <c r="C39" s="7"/>
      <c r="D39" s="23">
        <v>100</v>
      </c>
      <c r="E39" s="24">
        <v>53.4</v>
      </c>
      <c r="F39" s="25">
        <v>42.2</v>
      </c>
      <c r="G39" s="26">
        <v>4.3</v>
      </c>
    </row>
    <row r="40" spans="2:7" x14ac:dyDescent="0.2">
      <c r="B40" s="29"/>
      <c r="C40" s="2" t="s">
        <v>81</v>
      </c>
      <c r="D40" s="19">
        <v>200</v>
      </c>
      <c r="E40" s="20">
        <v>137</v>
      </c>
      <c r="F40" s="21">
        <v>58</v>
      </c>
      <c r="G40" s="22">
        <v>5</v>
      </c>
    </row>
    <row r="41" spans="2:7" x14ac:dyDescent="0.2">
      <c r="B41" s="29"/>
      <c r="C41" s="7"/>
      <c r="D41" s="23">
        <v>100</v>
      </c>
      <c r="E41" s="24">
        <v>68.5</v>
      </c>
      <c r="F41" s="25">
        <v>29</v>
      </c>
      <c r="G41" s="26">
        <v>2.5</v>
      </c>
    </row>
    <row r="42" spans="2:7" x14ac:dyDescent="0.2">
      <c r="B42" s="29"/>
      <c r="C42" s="2" t="s">
        <v>83</v>
      </c>
      <c r="D42" s="19">
        <v>289</v>
      </c>
      <c r="E42" s="20">
        <v>201</v>
      </c>
      <c r="F42" s="21">
        <v>79</v>
      </c>
      <c r="G42" s="22">
        <v>9</v>
      </c>
    </row>
    <row r="43" spans="2:7" x14ac:dyDescent="0.2">
      <c r="B43" s="29"/>
      <c r="C43" s="7"/>
      <c r="D43" s="23">
        <v>100</v>
      </c>
      <c r="E43" s="24">
        <v>69.599999999999994</v>
      </c>
      <c r="F43" s="25">
        <v>27.3</v>
      </c>
      <c r="G43" s="26">
        <v>3.1</v>
      </c>
    </row>
    <row r="44" spans="2:7" x14ac:dyDescent="0.2">
      <c r="B44" s="29"/>
      <c r="C44" s="2" t="s">
        <v>85</v>
      </c>
      <c r="D44" s="19">
        <v>247</v>
      </c>
      <c r="E44" s="20">
        <v>156</v>
      </c>
      <c r="F44" s="21">
        <v>84</v>
      </c>
      <c r="G44" s="22">
        <v>7</v>
      </c>
    </row>
    <row r="45" spans="2:7" x14ac:dyDescent="0.2">
      <c r="B45" s="29"/>
      <c r="C45" s="7"/>
      <c r="D45" s="23">
        <v>100</v>
      </c>
      <c r="E45" s="24">
        <v>63.2</v>
      </c>
      <c r="F45" s="25">
        <v>34</v>
      </c>
      <c r="G45" s="26">
        <v>2.8</v>
      </c>
    </row>
    <row r="46" spans="2:7" x14ac:dyDescent="0.2">
      <c r="B46" s="29"/>
      <c r="C46" s="2" t="s">
        <v>87</v>
      </c>
      <c r="D46" s="19">
        <v>125</v>
      </c>
      <c r="E46" s="20">
        <v>78</v>
      </c>
      <c r="F46" s="21">
        <v>37</v>
      </c>
      <c r="G46" s="22">
        <v>10</v>
      </c>
    </row>
    <row r="47" spans="2:7" x14ac:dyDescent="0.2">
      <c r="B47" s="29"/>
      <c r="C47" s="7"/>
      <c r="D47" s="23">
        <v>100</v>
      </c>
      <c r="E47" s="24">
        <v>62.4</v>
      </c>
      <c r="F47" s="25">
        <v>29.6</v>
      </c>
      <c r="G47" s="26">
        <v>8</v>
      </c>
    </row>
    <row r="48" spans="2:7" x14ac:dyDescent="0.2">
      <c r="B48" s="29"/>
      <c r="C48" s="2" t="s">
        <v>89</v>
      </c>
      <c r="D48" s="19">
        <v>150</v>
      </c>
      <c r="E48" s="20">
        <v>77</v>
      </c>
      <c r="F48" s="21">
        <v>58</v>
      </c>
      <c r="G48" s="22">
        <v>15</v>
      </c>
    </row>
    <row r="49" spans="2:7" x14ac:dyDescent="0.2">
      <c r="B49" s="29"/>
      <c r="C49" s="7"/>
      <c r="D49" s="23">
        <v>100</v>
      </c>
      <c r="E49" s="24">
        <v>51.3</v>
      </c>
      <c r="F49" s="25">
        <v>38.700000000000003</v>
      </c>
      <c r="G49" s="26">
        <v>10</v>
      </c>
    </row>
    <row r="50" spans="2:7" x14ac:dyDescent="0.2">
      <c r="B50" s="29"/>
      <c r="C50" s="2" t="s">
        <v>91</v>
      </c>
      <c r="D50" s="19">
        <v>60</v>
      </c>
      <c r="E50" s="20">
        <v>33</v>
      </c>
      <c r="F50" s="21">
        <v>18</v>
      </c>
      <c r="G50" s="22">
        <v>9</v>
      </c>
    </row>
    <row r="51" spans="2:7" x14ac:dyDescent="0.2">
      <c r="B51" s="29"/>
      <c r="C51" s="10"/>
      <c r="D51" s="23">
        <v>100</v>
      </c>
      <c r="E51" s="24">
        <v>55</v>
      </c>
      <c r="F51" s="25">
        <v>30</v>
      </c>
      <c r="G51" s="26">
        <v>15</v>
      </c>
    </row>
    <row r="52" spans="2:7" x14ac:dyDescent="0.2">
      <c r="B52" s="28" t="s">
        <v>33</v>
      </c>
      <c r="C52" s="9" t="s">
        <v>12</v>
      </c>
      <c r="D52" s="11">
        <v>1241</v>
      </c>
      <c r="E52" s="12">
        <v>771</v>
      </c>
      <c r="F52" s="13">
        <v>409</v>
      </c>
      <c r="G52" s="14">
        <v>61</v>
      </c>
    </row>
    <row r="53" spans="2:7" x14ac:dyDescent="0.2">
      <c r="B53" s="29"/>
      <c r="C53" s="8"/>
      <c r="D53" s="15">
        <v>100</v>
      </c>
      <c r="E53" s="16">
        <v>62.1</v>
      </c>
      <c r="F53" s="17">
        <v>33</v>
      </c>
      <c r="G53" s="18">
        <v>4.9000000000000004</v>
      </c>
    </row>
    <row r="54" spans="2:7" x14ac:dyDescent="0.2">
      <c r="B54" s="29"/>
      <c r="C54" s="2" t="s">
        <v>57</v>
      </c>
      <c r="D54" s="19">
        <v>2</v>
      </c>
      <c r="E54" s="20" t="s">
        <v>152</v>
      </c>
      <c r="F54" s="21">
        <v>2</v>
      </c>
      <c r="G54" s="22" t="s">
        <v>152</v>
      </c>
    </row>
    <row r="55" spans="2:7" x14ac:dyDescent="0.2">
      <c r="B55" s="29"/>
      <c r="C55" s="7"/>
      <c r="D55" s="23">
        <v>100</v>
      </c>
      <c r="E55" s="24" t="s">
        <v>152</v>
      </c>
      <c r="F55" s="25">
        <v>100</v>
      </c>
      <c r="G55" s="26" t="s">
        <v>152</v>
      </c>
    </row>
    <row r="56" spans="2:7" x14ac:dyDescent="0.2">
      <c r="B56" s="29"/>
      <c r="C56" s="2" t="s">
        <v>63</v>
      </c>
      <c r="D56" s="19">
        <v>20</v>
      </c>
      <c r="E56" s="20">
        <v>9</v>
      </c>
      <c r="F56" s="21">
        <v>11</v>
      </c>
      <c r="G56" s="22" t="s">
        <v>152</v>
      </c>
    </row>
    <row r="57" spans="2:7" x14ac:dyDescent="0.2">
      <c r="B57" s="29"/>
      <c r="C57" s="7"/>
      <c r="D57" s="23">
        <v>100</v>
      </c>
      <c r="E57" s="24">
        <v>45</v>
      </c>
      <c r="F57" s="25">
        <v>55</v>
      </c>
      <c r="G57" s="26" t="s">
        <v>152</v>
      </c>
    </row>
    <row r="58" spans="2:7" x14ac:dyDescent="0.2">
      <c r="B58" s="29"/>
      <c r="C58" s="2" t="s">
        <v>148</v>
      </c>
      <c r="D58" s="19">
        <v>22</v>
      </c>
      <c r="E58" s="20">
        <v>9</v>
      </c>
      <c r="F58" s="21">
        <v>13</v>
      </c>
      <c r="G58" s="22" t="s">
        <v>152</v>
      </c>
    </row>
    <row r="59" spans="2:7" x14ac:dyDescent="0.2">
      <c r="B59" s="29"/>
      <c r="C59" s="7"/>
      <c r="D59" s="23">
        <v>100</v>
      </c>
      <c r="E59" s="24">
        <v>40.909090909090914</v>
      </c>
      <c r="F59" s="25">
        <v>59.090909090909093</v>
      </c>
      <c r="G59" s="26" t="s">
        <v>152</v>
      </c>
    </row>
    <row r="60" spans="2:7" x14ac:dyDescent="0.2">
      <c r="B60" s="29"/>
      <c r="C60" s="2" t="s">
        <v>64</v>
      </c>
      <c r="D60" s="19">
        <v>51</v>
      </c>
      <c r="E60" s="20">
        <v>26</v>
      </c>
      <c r="F60" s="21">
        <v>25</v>
      </c>
      <c r="G60" s="22" t="s">
        <v>152</v>
      </c>
    </row>
    <row r="61" spans="2:7" x14ac:dyDescent="0.2">
      <c r="B61" s="29"/>
      <c r="C61" s="7"/>
      <c r="D61" s="23">
        <v>100</v>
      </c>
      <c r="E61" s="24">
        <v>51</v>
      </c>
      <c r="F61" s="25">
        <v>49</v>
      </c>
      <c r="G61" s="26" t="s">
        <v>152</v>
      </c>
    </row>
    <row r="62" spans="2:7" x14ac:dyDescent="0.2">
      <c r="B62" s="29"/>
      <c r="C62" s="2" t="s">
        <v>65</v>
      </c>
      <c r="D62" s="19">
        <v>88</v>
      </c>
      <c r="E62" s="20">
        <v>56</v>
      </c>
      <c r="F62" s="21">
        <v>32</v>
      </c>
      <c r="G62" s="22" t="s">
        <v>152</v>
      </c>
    </row>
    <row r="63" spans="2:7" x14ac:dyDescent="0.2">
      <c r="B63" s="29"/>
      <c r="C63" s="7"/>
      <c r="D63" s="23">
        <v>100</v>
      </c>
      <c r="E63" s="24">
        <v>63.6</v>
      </c>
      <c r="F63" s="25">
        <v>36.4</v>
      </c>
      <c r="G63" s="26" t="s">
        <v>152</v>
      </c>
    </row>
    <row r="64" spans="2:7" x14ac:dyDescent="0.2">
      <c r="B64" s="29"/>
      <c r="C64" s="2" t="s">
        <v>66</v>
      </c>
      <c r="D64" s="19">
        <v>146</v>
      </c>
      <c r="E64" s="20">
        <v>101</v>
      </c>
      <c r="F64" s="21">
        <v>40</v>
      </c>
      <c r="G64" s="22">
        <v>5</v>
      </c>
    </row>
    <row r="65" spans="2:7" x14ac:dyDescent="0.2">
      <c r="B65" s="29"/>
      <c r="C65" s="7"/>
      <c r="D65" s="23">
        <v>100</v>
      </c>
      <c r="E65" s="24">
        <v>69.2</v>
      </c>
      <c r="F65" s="25">
        <v>27.4</v>
      </c>
      <c r="G65" s="26">
        <v>3.4</v>
      </c>
    </row>
    <row r="66" spans="2:7" x14ac:dyDescent="0.2">
      <c r="B66" s="29"/>
      <c r="C66" s="2" t="s">
        <v>67</v>
      </c>
      <c r="D66" s="19">
        <v>133</v>
      </c>
      <c r="E66" s="20">
        <v>82</v>
      </c>
      <c r="F66" s="21">
        <v>47</v>
      </c>
      <c r="G66" s="22">
        <v>4</v>
      </c>
    </row>
    <row r="67" spans="2:7" x14ac:dyDescent="0.2">
      <c r="B67" s="29"/>
      <c r="C67" s="7"/>
      <c r="D67" s="23">
        <v>100</v>
      </c>
      <c r="E67" s="24">
        <v>61.7</v>
      </c>
      <c r="F67" s="25">
        <v>35.299999999999997</v>
      </c>
      <c r="G67" s="26">
        <v>3</v>
      </c>
    </row>
    <row r="68" spans="2:7" x14ac:dyDescent="0.2">
      <c r="B68" s="29"/>
      <c r="C68" s="2" t="s">
        <v>58</v>
      </c>
      <c r="D68" s="19">
        <v>57</v>
      </c>
      <c r="E68" s="20">
        <v>35</v>
      </c>
      <c r="F68" s="21">
        <v>18</v>
      </c>
      <c r="G68" s="22">
        <v>4</v>
      </c>
    </row>
    <row r="69" spans="2:7" x14ac:dyDescent="0.2">
      <c r="B69" s="29"/>
      <c r="C69" s="7"/>
      <c r="D69" s="23">
        <v>100</v>
      </c>
      <c r="E69" s="24">
        <v>61.4</v>
      </c>
      <c r="F69" s="25">
        <v>31.6</v>
      </c>
      <c r="G69" s="26">
        <v>7</v>
      </c>
    </row>
    <row r="70" spans="2:7" x14ac:dyDescent="0.2">
      <c r="B70" s="29"/>
      <c r="C70" s="2" t="s">
        <v>68</v>
      </c>
      <c r="D70" s="19">
        <v>65</v>
      </c>
      <c r="E70" s="20">
        <v>33</v>
      </c>
      <c r="F70" s="21">
        <v>28</v>
      </c>
      <c r="G70" s="22">
        <v>4</v>
      </c>
    </row>
    <row r="71" spans="2:7" x14ac:dyDescent="0.2">
      <c r="B71" s="29"/>
      <c r="C71" s="7"/>
      <c r="D71" s="23">
        <v>100</v>
      </c>
      <c r="E71" s="24">
        <v>50.8</v>
      </c>
      <c r="F71" s="25">
        <v>43.1</v>
      </c>
      <c r="G71" s="26">
        <v>6.2</v>
      </c>
    </row>
    <row r="72" spans="2:7" x14ac:dyDescent="0.2">
      <c r="B72" s="29"/>
      <c r="C72" s="2" t="s">
        <v>59</v>
      </c>
      <c r="D72" s="19">
        <v>1</v>
      </c>
      <c r="E72" s="20" t="s">
        <v>152</v>
      </c>
      <c r="F72" s="21">
        <v>1</v>
      </c>
      <c r="G72" s="22" t="s">
        <v>152</v>
      </c>
    </row>
    <row r="73" spans="2:7" x14ac:dyDescent="0.2">
      <c r="B73" s="29"/>
      <c r="C73" s="7"/>
      <c r="D73" s="23">
        <v>100</v>
      </c>
      <c r="E73" s="24" t="s">
        <v>152</v>
      </c>
      <c r="F73" s="25">
        <v>100</v>
      </c>
      <c r="G73" s="26" t="s">
        <v>152</v>
      </c>
    </row>
    <row r="74" spans="2:7" x14ac:dyDescent="0.2">
      <c r="B74" s="29"/>
      <c r="C74" s="2" t="s">
        <v>69</v>
      </c>
      <c r="D74" s="19">
        <v>29</v>
      </c>
      <c r="E74" s="20">
        <v>16</v>
      </c>
      <c r="F74" s="21">
        <v>12</v>
      </c>
      <c r="G74" s="22">
        <v>1</v>
      </c>
    </row>
    <row r="75" spans="2:7" x14ac:dyDescent="0.2">
      <c r="B75" s="29"/>
      <c r="C75" s="7"/>
      <c r="D75" s="23">
        <v>100</v>
      </c>
      <c r="E75" s="24">
        <v>55.2</v>
      </c>
      <c r="F75" s="25">
        <v>41.4</v>
      </c>
      <c r="G75" s="26">
        <v>3.4</v>
      </c>
    </row>
    <row r="76" spans="2:7" x14ac:dyDescent="0.2">
      <c r="B76" s="29"/>
      <c r="C76" s="2" t="s">
        <v>149</v>
      </c>
      <c r="D76" s="19">
        <v>30</v>
      </c>
      <c r="E76" s="20">
        <v>16</v>
      </c>
      <c r="F76" s="21">
        <v>13</v>
      </c>
      <c r="G76" s="22">
        <v>1</v>
      </c>
    </row>
    <row r="77" spans="2:7" x14ac:dyDescent="0.2">
      <c r="B77" s="29"/>
      <c r="C77" s="7"/>
      <c r="D77" s="23">
        <v>100</v>
      </c>
      <c r="E77" s="24">
        <v>53.333333333333336</v>
      </c>
      <c r="F77" s="25">
        <v>43.333333333333336</v>
      </c>
      <c r="G77" s="26">
        <v>3.3333333333333335</v>
      </c>
    </row>
    <row r="78" spans="2:7" x14ac:dyDescent="0.2">
      <c r="B78" s="29"/>
      <c r="C78" s="2" t="s">
        <v>70</v>
      </c>
      <c r="D78" s="19">
        <v>64</v>
      </c>
      <c r="E78" s="20">
        <v>36</v>
      </c>
      <c r="F78" s="21">
        <v>23</v>
      </c>
      <c r="G78" s="22">
        <v>5</v>
      </c>
    </row>
    <row r="79" spans="2:7" x14ac:dyDescent="0.2">
      <c r="B79" s="29"/>
      <c r="C79" s="7"/>
      <c r="D79" s="23">
        <v>100</v>
      </c>
      <c r="E79" s="24">
        <v>56.3</v>
      </c>
      <c r="F79" s="25">
        <v>35.9</v>
      </c>
      <c r="G79" s="26">
        <v>7.8</v>
      </c>
    </row>
    <row r="80" spans="2:7" x14ac:dyDescent="0.2">
      <c r="B80" s="29"/>
      <c r="C80" s="2" t="s">
        <v>71</v>
      </c>
      <c r="D80" s="19">
        <v>112</v>
      </c>
      <c r="E80" s="20">
        <v>81</v>
      </c>
      <c r="F80" s="21">
        <v>26</v>
      </c>
      <c r="G80" s="22">
        <v>5</v>
      </c>
    </row>
    <row r="81" spans="2:7" x14ac:dyDescent="0.2">
      <c r="B81" s="29"/>
      <c r="C81" s="7"/>
      <c r="D81" s="23">
        <v>100</v>
      </c>
      <c r="E81" s="24">
        <v>72.3</v>
      </c>
      <c r="F81" s="25">
        <v>23.2</v>
      </c>
      <c r="G81" s="26">
        <v>4.5</v>
      </c>
    </row>
    <row r="82" spans="2:7" x14ac:dyDescent="0.2">
      <c r="B82" s="29"/>
      <c r="C82" s="2" t="s">
        <v>72</v>
      </c>
      <c r="D82" s="19">
        <v>137</v>
      </c>
      <c r="E82" s="20">
        <v>96</v>
      </c>
      <c r="F82" s="21">
        <v>37</v>
      </c>
      <c r="G82" s="22">
        <v>4</v>
      </c>
    </row>
    <row r="83" spans="2:7" x14ac:dyDescent="0.2">
      <c r="B83" s="29"/>
      <c r="C83" s="7"/>
      <c r="D83" s="23">
        <v>100</v>
      </c>
      <c r="E83" s="24">
        <v>70.099999999999994</v>
      </c>
      <c r="F83" s="25">
        <v>27</v>
      </c>
      <c r="G83" s="26">
        <v>2.9</v>
      </c>
    </row>
    <row r="84" spans="2:7" x14ac:dyDescent="0.2">
      <c r="B84" s="29"/>
      <c r="C84" s="2" t="s">
        <v>73</v>
      </c>
      <c r="D84" s="19">
        <v>112</v>
      </c>
      <c r="E84" s="20">
        <v>72</v>
      </c>
      <c r="F84" s="21">
        <v>37</v>
      </c>
      <c r="G84" s="22">
        <v>3</v>
      </c>
    </row>
    <row r="85" spans="2:7" x14ac:dyDescent="0.2">
      <c r="B85" s="29"/>
      <c r="C85" s="7"/>
      <c r="D85" s="23">
        <v>100</v>
      </c>
      <c r="E85" s="24">
        <v>64.3</v>
      </c>
      <c r="F85" s="25">
        <v>33</v>
      </c>
      <c r="G85" s="26">
        <v>2.7</v>
      </c>
    </row>
    <row r="86" spans="2:7" x14ac:dyDescent="0.2">
      <c r="B86" s="29"/>
      <c r="C86" s="2" t="s">
        <v>60</v>
      </c>
      <c r="D86" s="19">
        <v>66</v>
      </c>
      <c r="E86" s="20">
        <v>41</v>
      </c>
      <c r="F86" s="21">
        <v>19</v>
      </c>
      <c r="G86" s="22">
        <v>6</v>
      </c>
    </row>
    <row r="87" spans="2:7" x14ac:dyDescent="0.2">
      <c r="B87" s="29"/>
      <c r="C87" s="7"/>
      <c r="D87" s="23">
        <v>100</v>
      </c>
      <c r="E87" s="24">
        <v>62.1</v>
      </c>
      <c r="F87" s="25">
        <v>28.8</v>
      </c>
      <c r="G87" s="26">
        <v>9.1</v>
      </c>
    </row>
    <row r="88" spans="2:7" x14ac:dyDescent="0.2">
      <c r="B88" s="29"/>
      <c r="C88" s="2" t="s">
        <v>74</v>
      </c>
      <c r="D88" s="19">
        <v>83</v>
      </c>
      <c r="E88" s="20">
        <v>43</v>
      </c>
      <c r="F88" s="21">
        <v>29</v>
      </c>
      <c r="G88" s="22">
        <v>11</v>
      </c>
    </row>
    <row r="89" spans="2:7" x14ac:dyDescent="0.2">
      <c r="B89" s="29"/>
      <c r="C89" s="7"/>
      <c r="D89" s="23">
        <v>100</v>
      </c>
      <c r="E89" s="24">
        <v>51.8</v>
      </c>
      <c r="F89" s="25">
        <v>34.9</v>
      </c>
      <c r="G89" s="26">
        <v>13.3</v>
      </c>
    </row>
    <row r="90" spans="2:7" x14ac:dyDescent="0.2">
      <c r="B90" s="29"/>
      <c r="C90" s="2" t="s">
        <v>0</v>
      </c>
      <c r="D90" s="19">
        <v>75</v>
      </c>
      <c r="E90" s="20">
        <v>44</v>
      </c>
      <c r="F90" s="21">
        <v>22</v>
      </c>
      <c r="G90" s="22">
        <v>9</v>
      </c>
    </row>
    <row r="91" spans="2:7" x14ac:dyDescent="0.2">
      <c r="B91" s="29"/>
      <c r="C91" s="7"/>
      <c r="D91" s="23">
        <v>100</v>
      </c>
      <c r="E91" s="24">
        <v>58.7</v>
      </c>
      <c r="F91" s="25">
        <v>29.3</v>
      </c>
      <c r="G91" s="26">
        <v>12</v>
      </c>
    </row>
    <row r="92" spans="2:7" x14ac:dyDescent="0.2">
      <c r="B92" s="28" t="s">
        <v>32</v>
      </c>
      <c r="C92" s="9" t="s">
        <v>12</v>
      </c>
      <c r="D92" s="11">
        <v>1241</v>
      </c>
      <c r="E92" s="12">
        <v>771</v>
      </c>
      <c r="F92" s="13">
        <v>409</v>
      </c>
      <c r="G92" s="14">
        <v>61</v>
      </c>
    </row>
    <row r="93" spans="2:7" x14ac:dyDescent="0.2">
      <c r="B93" s="29"/>
      <c r="C93" s="8"/>
      <c r="D93" s="15">
        <v>100</v>
      </c>
      <c r="E93" s="16">
        <v>62.1</v>
      </c>
      <c r="F93" s="17">
        <v>33</v>
      </c>
      <c r="G93" s="18">
        <v>4.9000000000000004</v>
      </c>
    </row>
    <row r="94" spans="2:7" x14ac:dyDescent="0.2">
      <c r="B94" s="29"/>
      <c r="C94" s="2" t="s">
        <v>21</v>
      </c>
      <c r="D94" s="19">
        <v>65</v>
      </c>
      <c r="E94" s="20">
        <v>42</v>
      </c>
      <c r="F94" s="21">
        <v>20</v>
      </c>
      <c r="G94" s="22">
        <v>3</v>
      </c>
    </row>
    <row r="95" spans="2:7" x14ac:dyDescent="0.2">
      <c r="B95" s="29"/>
      <c r="C95" s="7"/>
      <c r="D95" s="23">
        <v>100</v>
      </c>
      <c r="E95" s="24">
        <v>64.599999999999994</v>
      </c>
      <c r="F95" s="25">
        <v>30.8</v>
      </c>
      <c r="G95" s="26">
        <v>4.5999999999999996</v>
      </c>
    </row>
    <row r="96" spans="2:7" x14ac:dyDescent="0.2">
      <c r="B96" s="29"/>
      <c r="C96" s="2" t="s">
        <v>20</v>
      </c>
      <c r="D96" s="19">
        <v>7</v>
      </c>
      <c r="E96" s="20">
        <v>3</v>
      </c>
      <c r="F96" s="21">
        <v>4</v>
      </c>
      <c r="G96" s="22" t="s">
        <v>152</v>
      </c>
    </row>
    <row r="97" spans="2:7" x14ac:dyDescent="0.2">
      <c r="B97" s="29"/>
      <c r="C97" s="7"/>
      <c r="D97" s="23">
        <v>100</v>
      </c>
      <c r="E97" s="24">
        <v>42.9</v>
      </c>
      <c r="F97" s="25">
        <v>57.1</v>
      </c>
      <c r="G97" s="26" t="s">
        <v>152</v>
      </c>
    </row>
    <row r="98" spans="2:7" x14ac:dyDescent="0.2">
      <c r="B98" s="29"/>
      <c r="C98" s="2" t="s">
        <v>19</v>
      </c>
      <c r="D98" s="19">
        <v>484</v>
      </c>
      <c r="E98" s="20">
        <v>308</v>
      </c>
      <c r="F98" s="21">
        <v>164</v>
      </c>
      <c r="G98" s="22">
        <v>12</v>
      </c>
    </row>
    <row r="99" spans="2:7" x14ac:dyDescent="0.2">
      <c r="B99" s="29"/>
      <c r="C99" s="7"/>
      <c r="D99" s="23">
        <v>100</v>
      </c>
      <c r="E99" s="24">
        <v>63.6</v>
      </c>
      <c r="F99" s="25">
        <v>33.9</v>
      </c>
      <c r="G99" s="26">
        <v>2.5</v>
      </c>
    </row>
    <row r="100" spans="2:7" x14ac:dyDescent="0.2">
      <c r="B100" s="29"/>
      <c r="C100" s="2" t="s">
        <v>18</v>
      </c>
      <c r="D100" s="19">
        <v>195</v>
      </c>
      <c r="E100" s="20">
        <v>136</v>
      </c>
      <c r="F100" s="21">
        <v>50</v>
      </c>
      <c r="G100" s="22">
        <v>9</v>
      </c>
    </row>
    <row r="101" spans="2:7" x14ac:dyDescent="0.2">
      <c r="B101" s="29"/>
      <c r="C101" s="7"/>
      <c r="D101" s="23">
        <v>100</v>
      </c>
      <c r="E101" s="24">
        <v>69.7</v>
      </c>
      <c r="F101" s="25">
        <v>25.6</v>
      </c>
      <c r="G101" s="26">
        <v>4.5999999999999996</v>
      </c>
    </row>
    <row r="102" spans="2:7" x14ac:dyDescent="0.2">
      <c r="B102" s="29"/>
      <c r="C102" s="2" t="s">
        <v>17</v>
      </c>
      <c r="D102" s="19">
        <v>1</v>
      </c>
      <c r="E102" s="20">
        <v>1</v>
      </c>
      <c r="F102" s="21" t="s">
        <v>152</v>
      </c>
      <c r="G102" s="22" t="s">
        <v>152</v>
      </c>
    </row>
    <row r="103" spans="2:7" x14ac:dyDescent="0.2">
      <c r="B103" s="29"/>
      <c r="C103" s="7"/>
      <c r="D103" s="23">
        <v>100</v>
      </c>
      <c r="E103" s="24">
        <v>100</v>
      </c>
      <c r="F103" s="25" t="s">
        <v>152</v>
      </c>
      <c r="G103" s="26" t="s">
        <v>152</v>
      </c>
    </row>
    <row r="104" spans="2:7" x14ac:dyDescent="0.2">
      <c r="B104" s="29"/>
      <c r="C104" s="2" t="s">
        <v>151</v>
      </c>
      <c r="D104" s="19">
        <v>178</v>
      </c>
      <c r="E104" s="20">
        <v>106</v>
      </c>
      <c r="F104" s="21">
        <v>65</v>
      </c>
      <c r="G104" s="22">
        <v>7</v>
      </c>
    </row>
    <row r="105" spans="2:7" x14ac:dyDescent="0.2">
      <c r="B105" s="29"/>
      <c r="C105" s="7"/>
      <c r="D105" s="23">
        <v>100</v>
      </c>
      <c r="E105" s="24">
        <v>59.6</v>
      </c>
      <c r="F105" s="25">
        <v>36.5</v>
      </c>
      <c r="G105" s="26">
        <v>3.9</v>
      </c>
    </row>
    <row r="106" spans="2:7" x14ac:dyDescent="0.2">
      <c r="B106" s="29"/>
      <c r="C106" s="2" t="s">
        <v>16</v>
      </c>
      <c r="D106" s="19">
        <v>10</v>
      </c>
      <c r="E106" s="20">
        <v>4</v>
      </c>
      <c r="F106" s="21">
        <v>6</v>
      </c>
      <c r="G106" s="22" t="s">
        <v>152</v>
      </c>
    </row>
    <row r="107" spans="2:7" x14ac:dyDescent="0.2">
      <c r="B107" s="29"/>
      <c r="C107" s="7"/>
      <c r="D107" s="23">
        <v>100</v>
      </c>
      <c r="E107" s="24">
        <v>40</v>
      </c>
      <c r="F107" s="25">
        <v>60</v>
      </c>
      <c r="G107" s="26" t="s">
        <v>152</v>
      </c>
    </row>
    <row r="108" spans="2:7" x14ac:dyDescent="0.2">
      <c r="B108" s="29"/>
      <c r="C108" s="2" t="s">
        <v>15</v>
      </c>
      <c r="D108" s="19">
        <v>211</v>
      </c>
      <c r="E108" s="20">
        <v>118</v>
      </c>
      <c r="F108" s="21">
        <v>74</v>
      </c>
      <c r="G108" s="22">
        <v>19</v>
      </c>
    </row>
    <row r="109" spans="2:7" x14ac:dyDescent="0.2">
      <c r="B109" s="29"/>
      <c r="C109" s="7"/>
      <c r="D109" s="23">
        <v>100</v>
      </c>
      <c r="E109" s="24">
        <v>55.9</v>
      </c>
      <c r="F109" s="25">
        <v>35.1</v>
      </c>
      <c r="G109" s="26">
        <v>9</v>
      </c>
    </row>
    <row r="110" spans="2:7" x14ac:dyDescent="0.2">
      <c r="B110" s="29"/>
      <c r="C110" s="2" t="s">
        <v>14</v>
      </c>
      <c r="D110" s="19">
        <v>12</v>
      </c>
      <c r="E110" s="20">
        <v>8</v>
      </c>
      <c r="F110" s="21">
        <v>4</v>
      </c>
      <c r="G110" s="22" t="s">
        <v>152</v>
      </c>
    </row>
    <row r="111" spans="2:7" x14ac:dyDescent="0.2">
      <c r="B111" s="29"/>
      <c r="C111" s="7"/>
      <c r="D111" s="23">
        <v>100</v>
      </c>
      <c r="E111" s="24">
        <v>66.7</v>
      </c>
      <c r="F111" s="25">
        <v>33.299999999999997</v>
      </c>
      <c r="G111" s="26" t="s">
        <v>152</v>
      </c>
    </row>
    <row r="112" spans="2:7" x14ac:dyDescent="0.2">
      <c r="B112" s="29"/>
      <c r="C112" s="2" t="s">
        <v>13</v>
      </c>
      <c r="D112" s="19">
        <v>78</v>
      </c>
      <c r="E112" s="20">
        <v>45</v>
      </c>
      <c r="F112" s="21">
        <v>22</v>
      </c>
      <c r="G112" s="22">
        <v>11</v>
      </c>
    </row>
    <row r="113" spans="2:7" x14ac:dyDescent="0.2">
      <c r="B113" s="30"/>
      <c r="C113" s="10"/>
      <c r="D113" s="15">
        <v>100</v>
      </c>
      <c r="E113" s="16">
        <v>57.7</v>
      </c>
      <c r="F113" s="17">
        <v>28.2</v>
      </c>
      <c r="G113" s="18">
        <v>14.1</v>
      </c>
    </row>
    <row r="114" spans="2:7" x14ac:dyDescent="0.2">
      <c r="B114" s="28" t="s">
        <v>31</v>
      </c>
      <c r="C114" s="9" t="s">
        <v>12</v>
      </c>
      <c r="D114" s="11">
        <v>752</v>
      </c>
      <c r="E114" s="12">
        <v>490</v>
      </c>
      <c r="F114" s="13">
        <v>238</v>
      </c>
      <c r="G114" s="14">
        <v>24</v>
      </c>
    </row>
    <row r="115" spans="2:7" x14ac:dyDescent="0.2">
      <c r="B115" s="29"/>
      <c r="C115" s="8"/>
      <c r="D115" s="15">
        <v>100</v>
      </c>
      <c r="E115" s="16">
        <v>65.2</v>
      </c>
      <c r="F115" s="17">
        <v>31.6</v>
      </c>
      <c r="G115" s="18">
        <v>3.2</v>
      </c>
    </row>
    <row r="116" spans="2:7" x14ac:dyDescent="0.2">
      <c r="B116" s="29"/>
      <c r="C116" s="2" t="s">
        <v>11</v>
      </c>
      <c r="D116" s="19">
        <v>2</v>
      </c>
      <c r="E116" s="20" t="s">
        <v>152</v>
      </c>
      <c r="F116" s="21">
        <v>1</v>
      </c>
      <c r="G116" s="22">
        <v>1</v>
      </c>
    </row>
    <row r="117" spans="2:7" x14ac:dyDescent="0.2">
      <c r="B117" s="29"/>
      <c r="C117" s="7"/>
      <c r="D117" s="23">
        <v>100</v>
      </c>
      <c r="E117" s="24" t="s">
        <v>152</v>
      </c>
      <c r="F117" s="25">
        <v>50</v>
      </c>
      <c r="G117" s="26">
        <v>50</v>
      </c>
    </row>
    <row r="118" spans="2:7" x14ac:dyDescent="0.2">
      <c r="B118" s="29"/>
      <c r="C118" s="2" t="s">
        <v>10</v>
      </c>
      <c r="D118" s="19">
        <v>32</v>
      </c>
      <c r="E118" s="20">
        <v>20</v>
      </c>
      <c r="F118" s="21">
        <v>11</v>
      </c>
      <c r="G118" s="22">
        <v>1</v>
      </c>
    </row>
    <row r="119" spans="2:7" x14ac:dyDescent="0.2">
      <c r="B119" s="29"/>
      <c r="C119" s="7"/>
      <c r="D119" s="23">
        <v>100</v>
      </c>
      <c r="E119" s="24">
        <v>62.5</v>
      </c>
      <c r="F119" s="25">
        <v>34.4</v>
      </c>
      <c r="G119" s="26">
        <v>3.1</v>
      </c>
    </row>
    <row r="120" spans="2:7" x14ac:dyDescent="0.2">
      <c r="B120" s="29"/>
      <c r="C120" s="2" t="s">
        <v>9</v>
      </c>
      <c r="D120" s="19">
        <v>33</v>
      </c>
      <c r="E120" s="20">
        <v>21</v>
      </c>
      <c r="F120" s="21">
        <v>11</v>
      </c>
      <c r="G120" s="22">
        <v>1</v>
      </c>
    </row>
    <row r="121" spans="2:7" x14ac:dyDescent="0.2">
      <c r="B121" s="29"/>
      <c r="C121" s="7"/>
      <c r="D121" s="23">
        <v>100</v>
      </c>
      <c r="E121" s="24">
        <v>63.6</v>
      </c>
      <c r="F121" s="25">
        <v>33.299999999999997</v>
      </c>
      <c r="G121" s="26">
        <v>3</v>
      </c>
    </row>
    <row r="122" spans="2:7" x14ac:dyDescent="0.2">
      <c r="B122" s="29"/>
      <c r="C122" s="2" t="s">
        <v>8</v>
      </c>
      <c r="D122" s="19">
        <v>71</v>
      </c>
      <c r="E122" s="20">
        <v>38</v>
      </c>
      <c r="F122" s="21">
        <v>32</v>
      </c>
      <c r="G122" s="22">
        <v>1</v>
      </c>
    </row>
    <row r="123" spans="2:7" x14ac:dyDescent="0.2">
      <c r="B123" s="29"/>
      <c r="C123" s="7"/>
      <c r="D123" s="23">
        <v>100</v>
      </c>
      <c r="E123" s="24">
        <v>53.5</v>
      </c>
      <c r="F123" s="25">
        <v>45.1</v>
      </c>
      <c r="G123" s="26">
        <v>1.4</v>
      </c>
    </row>
    <row r="124" spans="2:7" x14ac:dyDescent="0.2">
      <c r="B124" s="29"/>
      <c r="C124" s="2" t="s">
        <v>7</v>
      </c>
      <c r="D124" s="19">
        <v>152</v>
      </c>
      <c r="E124" s="20">
        <v>95</v>
      </c>
      <c r="F124" s="21">
        <v>51</v>
      </c>
      <c r="G124" s="22">
        <v>6</v>
      </c>
    </row>
    <row r="125" spans="2:7" x14ac:dyDescent="0.2">
      <c r="B125" s="29"/>
      <c r="C125" s="7"/>
      <c r="D125" s="23">
        <v>100</v>
      </c>
      <c r="E125" s="24">
        <v>62.5</v>
      </c>
      <c r="F125" s="25">
        <v>33.6</v>
      </c>
      <c r="G125" s="26">
        <v>3.9</v>
      </c>
    </row>
    <row r="126" spans="2:7" x14ac:dyDescent="0.2">
      <c r="B126" s="29"/>
      <c r="C126" s="2" t="s">
        <v>6</v>
      </c>
      <c r="D126" s="19">
        <v>176</v>
      </c>
      <c r="E126" s="20">
        <v>117</v>
      </c>
      <c r="F126" s="21">
        <v>56</v>
      </c>
      <c r="G126" s="22">
        <v>3</v>
      </c>
    </row>
    <row r="127" spans="2:7" x14ac:dyDescent="0.2">
      <c r="B127" s="29"/>
      <c r="C127" s="7"/>
      <c r="D127" s="23">
        <v>100</v>
      </c>
      <c r="E127" s="24">
        <v>66.5</v>
      </c>
      <c r="F127" s="25">
        <v>31.8</v>
      </c>
      <c r="G127" s="26">
        <v>1.7</v>
      </c>
    </row>
    <row r="128" spans="2:7" x14ac:dyDescent="0.2">
      <c r="B128" s="29"/>
      <c r="C128" s="2" t="s">
        <v>5</v>
      </c>
      <c r="D128" s="19">
        <v>37</v>
      </c>
      <c r="E128" s="20">
        <v>23</v>
      </c>
      <c r="F128" s="21">
        <v>12</v>
      </c>
      <c r="G128" s="22">
        <v>2</v>
      </c>
    </row>
    <row r="129" spans="2:7" x14ac:dyDescent="0.2">
      <c r="B129" s="29"/>
      <c r="C129" s="7"/>
      <c r="D129" s="23">
        <v>100</v>
      </c>
      <c r="E129" s="24">
        <v>62.2</v>
      </c>
      <c r="F129" s="25">
        <v>32.4</v>
      </c>
      <c r="G129" s="26">
        <v>5.4</v>
      </c>
    </row>
    <row r="130" spans="2:7" x14ac:dyDescent="0.2">
      <c r="B130" s="29"/>
      <c r="C130" s="2" t="s">
        <v>4</v>
      </c>
      <c r="D130" s="19">
        <v>67</v>
      </c>
      <c r="E130" s="20">
        <v>47</v>
      </c>
      <c r="F130" s="21">
        <v>19</v>
      </c>
      <c r="G130" s="22">
        <v>1</v>
      </c>
    </row>
    <row r="131" spans="2:7" x14ac:dyDescent="0.2">
      <c r="B131" s="29"/>
      <c r="C131" s="7"/>
      <c r="D131" s="23">
        <v>100</v>
      </c>
      <c r="E131" s="24">
        <v>70.099999999999994</v>
      </c>
      <c r="F131" s="25">
        <v>28.4</v>
      </c>
      <c r="G131" s="26">
        <v>1.5</v>
      </c>
    </row>
    <row r="132" spans="2:7" x14ac:dyDescent="0.2">
      <c r="B132" s="29"/>
      <c r="C132" s="2" t="s">
        <v>3</v>
      </c>
      <c r="D132" s="19">
        <v>159</v>
      </c>
      <c r="E132" s="20">
        <v>112</v>
      </c>
      <c r="F132" s="21">
        <v>40</v>
      </c>
      <c r="G132" s="22">
        <v>7</v>
      </c>
    </row>
    <row r="133" spans="2:7" x14ac:dyDescent="0.2">
      <c r="B133" s="29"/>
      <c r="C133" s="7"/>
      <c r="D133" s="23">
        <v>100</v>
      </c>
      <c r="E133" s="24">
        <v>70.400000000000006</v>
      </c>
      <c r="F133" s="25">
        <v>25.2</v>
      </c>
      <c r="G133" s="26">
        <v>4.4000000000000004</v>
      </c>
    </row>
    <row r="134" spans="2:7" x14ac:dyDescent="0.2">
      <c r="B134" s="29"/>
      <c r="C134" s="2" t="s">
        <v>2</v>
      </c>
      <c r="D134" s="19">
        <v>23</v>
      </c>
      <c r="E134" s="20">
        <v>17</v>
      </c>
      <c r="F134" s="21">
        <v>5</v>
      </c>
      <c r="G134" s="22">
        <v>1</v>
      </c>
    </row>
    <row r="135" spans="2:7" x14ac:dyDescent="0.2">
      <c r="B135" s="30"/>
      <c r="C135" s="10"/>
      <c r="D135" s="15">
        <v>100</v>
      </c>
      <c r="E135" s="16">
        <v>73.900000000000006</v>
      </c>
      <c r="F135" s="17">
        <v>21.7</v>
      </c>
      <c r="G135" s="18">
        <v>4.3</v>
      </c>
    </row>
  </sheetData>
  <mergeCells count="6">
    <mergeCell ref="B114:B135"/>
    <mergeCell ref="B4:B21"/>
    <mergeCell ref="B22:B29"/>
    <mergeCell ref="B30:B51"/>
    <mergeCell ref="B52:B91"/>
    <mergeCell ref="B92:B113"/>
  </mergeCells>
  <phoneticPr fontId="2"/>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2" baseType="variant">
      <vt:variant>
        <vt:lpstr>ワークシート</vt:lpstr>
      </vt:variant>
      <vt:variant>
        <vt:i4>64</vt:i4>
      </vt:variant>
    </vt:vector>
  </HeadingPairs>
  <TitlesOfParts>
    <vt:vector size="64" baseType="lpstr">
      <vt:lpstr>問6-(1) （1）</vt:lpstr>
      <vt:lpstr>問6-(1) （2）</vt:lpstr>
      <vt:lpstr>問6-(2) （1）</vt:lpstr>
      <vt:lpstr>問6-(2) （2）</vt:lpstr>
      <vt:lpstr>問6-(3) （1）</vt:lpstr>
      <vt:lpstr>問6-(3) （2）</vt:lpstr>
      <vt:lpstr>問6-(4) （1）</vt:lpstr>
      <vt:lpstr>問6-(4) （2）</vt:lpstr>
      <vt:lpstr>問6-(5) （1）</vt:lpstr>
      <vt:lpstr>問6-(5) （2）</vt:lpstr>
      <vt:lpstr>問6-(6) （1）</vt:lpstr>
      <vt:lpstr>問6-(6) （2）</vt:lpstr>
      <vt:lpstr>問6-(7) （1）</vt:lpstr>
      <vt:lpstr>問6-(7) （2）</vt:lpstr>
      <vt:lpstr>問6-(8) （1）</vt:lpstr>
      <vt:lpstr>問6-(8) （2）</vt:lpstr>
      <vt:lpstr>問6-(9) （1）</vt:lpstr>
      <vt:lpstr>問6-(9) （2）</vt:lpstr>
      <vt:lpstr>問6-(10) （1）</vt:lpstr>
      <vt:lpstr>問6-(10) （2）</vt:lpstr>
      <vt:lpstr>問6-(11) （1）</vt:lpstr>
      <vt:lpstr>問6-(11) （2）</vt:lpstr>
      <vt:lpstr>問6-(12) （1）</vt:lpstr>
      <vt:lpstr>問6-(12) （2）</vt:lpstr>
      <vt:lpstr>問6-(13) （1）</vt:lpstr>
      <vt:lpstr>問6-(13) （2）</vt:lpstr>
      <vt:lpstr>問6-(14) （1）</vt:lpstr>
      <vt:lpstr>問6-(14) （2）</vt:lpstr>
      <vt:lpstr>問6-(15) （1）</vt:lpstr>
      <vt:lpstr>問6-(15) （2）</vt:lpstr>
      <vt:lpstr>問6-(16) （1）</vt:lpstr>
      <vt:lpstr>問6-(16) （2）</vt:lpstr>
      <vt:lpstr>問6-(17) （1）</vt:lpstr>
      <vt:lpstr>問6-(17) （2）</vt:lpstr>
      <vt:lpstr>問6-(18) （1）</vt:lpstr>
      <vt:lpstr>問6-(18) （2）</vt:lpstr>
      <vt:lpstr>問6-(19) （1）</vt:lpstr>
      <vt:lpstr>問6-(19) （2）</vt:lpstr>
      <vt:lpstr>問6-(20) （1）</vt:lpstr>
      <vt:lpstr>問6-(20) （2）</vt:lpstr>
      <vt:lpstr>問6-(21) （1）</vt:lpstr>
      <vt:lpstr>問6-(21) （2）</vt:lpstr>
      <vt:lpstr>問6-(22) （1）</vt:lpstr>
      <vt:lpstr>問6-(22) （2）</vt:lpstr>
      <vt:lpstr>問6-(23) （1）</vt:lpstr>
      <vt:lpstr>問6-(23) （2）</vt:lpstr>
      <vt:lpstr>問6-(24) （1）</vt:lpstr>
      <vt:lpstr>問6-(24) （2）</vt:lpstr>
      <vt:lpstr>問6-(25) （1）</vt:lpstr>
      <vt:lpstr>問6-(25) （2）</vt:lpstr>
      <vt:lpstr>問6-(26) （1）</vt:lpstr>
      <vt:lpstr>問6-(26) （2）</vt:lpstr>
      <vt:lpstr>問6-(27) （1）</vt:lpstr>
      <vt:lpstr>問6-(27) （2）</vt:lpstr>
      <vt:lpstr>問6-(28) （1）</vt:lpstr>
      <vt:lpstr>問6-(28) （2）</vt:lpstr>
      <vt:lpstr>問6-(29) （1）</vt:lpstr>
      <vt:lpstr>問6-(29) （2）</vt:lpstr>
      <vt:lpstr>問6-(30) （1）</vt:lpstr>
      <vt:lpstr>問6-(30) （2）</vt:lpstr>
      <vt:lpstr>問6-(31) （1）</vt:lpstr>
      <vt:lpstr>問6-(31) （2）</vt:lpstr>
      <vt:lpstr>問6-(32) （1）</vt:lpstr>
      <vt:lpstr>問6-(32) （2）</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oya</dc:creator>
  <cp:lastModifiedBy>情公</cp:lastModifiedBy>
  <dcterms:created xsi:type="dcterms:W3CDTF">2018-11-02T05:32:13Z</dcterms:created>
  <dcterms:modified xsi:type="dcterms:W3CDTF">2023-10-03T10:23:16Z</dcterms:modified>
</cp:coreProperties>
</file>